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4\02. Oddelenie VO\01. Prebiehajúce zákazky\05. Renátka\0_485_21 M 289_22 M 331_22 M 215,220,248_23 Monitory\02. Príprava\05.02 PTK 52024\01. Odoslanie PTK\"/>
    </mc:Choice>
  </mc:AlternateContent>
  <bookViews>
    <workbookView xWindow="0" yWindow="0" windowWidth="28800" windowHeight="14235"/>
  </bookViews>
  <sheets>
    <sheet name="PTK Ponuka" sheetId="8" r:id="rId1"/>
    <sheet name="PTK Ponuka č. 1" sheetId="10" r:id="rId2"/>
    <sheet name="PTK Ponuka č. 2" sheetId="9" r:id="rId3"/>
  </sheets>
  <definedNames>
    <definedName name="_xlnm.Print_Area" localSheetId="0">'PTK Ponuka'!$A$1:$E$122</definedName>
    <definedName name="_xlnm.Print_Area" localSheetId="1">'PTK Ponuka č. 1'!$A$1:$E$124</definedName>
    <definedName name="_xlnm.Print_Area" localSheetId="2">'PTK Ponuka č. 2'!$A$1:$E$9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03" uniqueCount="325">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tovar</t>
  </si>
  <si>
    <t>2.</t>
  </si>
  <si>
    <t>v čase od 08:00 hod. do 14:30 hod.,</t>
  </si>
  <si>
    <t>3.</t>
  </si>
  <si>
    <t xml:space="preserve">Objednávateľ zabezpečí za účelom prevzatia zariadenia prístup pre osoby poverené dodávateľom na čas nevyhnutný na vyloženie, kompletizáciu a inštaláciu zariadenia. </t>
  </si>
  <si>
    <t>4.</t>
  </si>
  <si>
    <t>5.</t>
  </si>
  <si>
    <t>6.</t>
  </si>
  <si>
    <t>7.</t>
  </si>
  <si>
    <t>8.</t>
  </si>
  <si>
    <t>9.</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11.</t>
  </si>
  <si>
    <t>12.</t>
  </si>
  <si>
    <t>13.</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dodávky a zabudovanie náhradných dielov, ktoré sú potrebné k riadnej a bezporuchovej prevádzke zariadnia, vrátane demontáže, odvozu a likvidácie použitého a nepotrebného spotrebného materiálu, náplní a náhradných dielov,</t>
  </si>
  <si>
    <t>vykonanie ďalších servisných úkonov a činností predpísaných príslušnou právnou úpravou a aplikovateľnými normami,</t>
  </si>
  <si>
    <t>14.</t>
  </si>
  <si>
    <t>15.</t>
  </si>
  <si>
    <t>16.</t>
  </si>
  <si>
    <t>17.</t>
  </si>
  <si>
    <t>Dodávateľ je povinný počas trvania záručnej doby odstrániť vady v nasledujúcich lehotách od nástupu na opravu:</t>
  </si>
  <si>
    <t>18.</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9.</t>
  </si>
  <si>
    <t>Záruka sa nevzťahuje na vady, ktoré spôsobí objednávateľ neodbornou manipuláciou resp. používaním v rozpore s návodom na obsluhu. Záruka sa tiež nevzťahuje na vady, ktoré vzniknú v dôsledku živelnej pohromy, vyššej moci alebo vandalizmu.</t>
  </si>
  <si>
    <t>20.</t>
  </si>
  <si>
    <t>21.</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2.</t>
  </si>
  <si>
    <t>23.</t>
  </si>
  <si>
    <t>24.</t>
  </si>
  <si>
    <t>25.</t>
  </si>
  <si>
    <t xml:space="preserve">Požadované minimálne osobitné požiadavky na predmet zákazky:
</t>
  </si>
  <si>
    <t>10.</t>
  </si>
  <si>
    <t>26.</t>
  </si>
  <si>
    <t>P.č.</t>
  </si>
  <si>
    <t>14.1</t>
  </si>
  <si>
    <t>14.2</t>
  </si>
  <si>
    <t>14.3</t>
  </si>
  <si>
    <t>Požaduje sa uzatvorenie kúpnej zmluvy.</t>
  </si>
  <si>
    <t>2.1</t>
  </si>
  <si>
    <t>2.2</t>
  </si>
  <si>
    <t>2.3</t>
  </si>
  <si>
    <t>2.4</t>
  </si>
  <si>
    <t>2.5</t>
  </si>
  <si>
    <t>2.6</t>
  </si>
  <si>
    <t>33195000-3 - Systém monitorovania pacientov</t>
  </si>
  <si>
    <t>51410000-9 - Inštalácia lekárskych zariadení</t>
  </si>
  <si>
    <t>50421000-2 - Opravy a údržba lekárskych zariadení</t>
  </si>
  <si>
    <t>Modulárny monitor vitálnych funkcií, vrátane základného modulu pre monitorovanie EKG, SpO2, TT, NIBP, 2xIBP, teplota</t>
  </si>
  <si>
    <t>Položka č. 1 - Modulárny monitor vitálnych funkcií, vrátane základného modulu pre monitorovanie EKG, SpO2, TT, NIBP, 2xIBP, teplota</t>
  </si>
  <si>
    <t>Analýza arytmií (asystola, brady, tachy, ventr.fibrilácia/tachycardia) a analýza ST segmentu</t>
  </si>
  <si>
    <t>Meranie Qt/Qtc intervalu</t>
  </si>
  <si>
    <t>Neinvazívny krvný tlak spustiteľný aj s centrálnej stanice s možnosťou voľby intervalu pravidelných  meraní, manuálne merania, možnosť merania v 4 rôznych nastaviteľných sekvenciách</t>
  </si>
  <si>
    <t>Monitor vitálnych funkcií musí mať výstup na externý displej</t>
  </si>
  <si>
    <t>Monitor vitálnych funkcií musí mať možnosť pripojenia čítačky čiarových kódov</t>
  </si>
  <si>
    <t>Monitor vitálnych funkcií musí byť kompatibilný s protokolom HL7</t>
  </si>
  <si>
    <t>Rotácia obrazovky (zobrazovaných údajov) podľa polohy modulu pre uľahčenie pozoravania pre obsluhujúci personál</t>
  </si>
  <si>
    <t>Nabíjanie modulu je priamo z monitora VF alebo dokovacej stanice</t>
  </si>
  <si>
    <t>14.4</t>
  </si>
  <si>
    <t>14.5</t>
  </si>
  <si>
    <t>14.6</t>
  </si>
  <si>
    <t>14.7</t>
  </si>
  <si>
    <t>14.8</t>
  </si>
  <si>
    <t>14.9</t>
  </si>
  <si>
    <t>16.1</t>
  </si>
  <si>
    <t>16.2</t>
  </si>
  <si>
    <t>17.1</t>
  </si>
  <si>
    <t>17.2</t>
  </si>
  <si>
    <t xml:space="preserve">22. </t>
  </si>
  <si>
    <t>Požaduje sa dodanie zariadenia:</t>
  </si>
  <si>
    <t>do tridsiatich (30) pracovných dní od dňa nadobudnutia účinnosti zmluvy resp. odo dňa doručenia Oznámenia o splnení objednávateľom stanovených podmienok a požiadaviek na predmet zákazky dodávateľovi (ďalej len "Oznámenie"),</t>
  </si>
  <si>
    <t>v pracovných dňoch (do termínu sa nezapočítavajú dni pracovného voľna, pracovného pokoja a štátne sviatky),</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zariadeni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a pod. pre potreby plnenia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Požaduje sa v zmysle § 340b ods. 5 zákona č. 513/1991 Z. 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urovanej sumy.                                                                                                                                                             *V prípade, ak sa predávajúci rozhodne kupujúcemu poskytnúť zľavu za tzv. predčasnú úhradu (t.j. úhradu pred uplynutím lehoty splatnosti), uvedie výšku %, v akej bude zľava z fakturovanej sumy poskytnutá. Ak takúto zľavu predávajúci nechce poskytnúť, uvedie 0%.</t>
  </si>
  <si>
    <t>Požaduje sa, aby v prípade ak sa úspešným uchádzačom (t.j. dodávateľom) po uplynutí lehoty na predkladanie ponúk, resp. po elektronickej aukcii stane:
-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 uchádzač, ktorý verejnému obstarávateľovi predložil aktuálnu cenovú ponuku pred vyhlásením tejto súťaže a jeho konečná jednotková cena za MJ bez DPH je vyššia ako cena ktorú predložil v aktuálnej cenovej ponuke pred vyhlásením tejto súťaže, tak:
verejný obstarávateľ vyzve úspešného uchádzača na podanie vysvetlenia k uvedenému a ak po prehodnotení písomného zdôvodnenia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 xml:space="preserve">vykonanie štandardných vylepšení zariadenia odporúčaných a predpísaných výrobcom zariadenia podľa rozhodnutia dodávateľa, vrátane vykonania servisných aktualizácií, t.j. servisná aktualizácia softvérového vybavenia zariadenia, k splneniu uvedenej povinnosti sa vyžaduje poskytnutie súčinnosti objednávateľa, </t>
  </si>
  <si>
    <t>vykonanie validácií a kalibrácií zariadenia (resp. jeho relevantných častí) s peridi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práce (servisné hodiny) a dojazdy servisných technikov dodávateľ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 xml:space="preserve">Servisný technik dodávateľa je povinný nastúpiť na odstránenie vady v mieste inštalácie zariadenia do štyridsiatichôsmich (48) hodín od nahlásenia v pracovný deň medzi 7:00 a 16:00 hod., resp. do 12:00 hod. nasledujúceho pracovného dňa, pokiaľ vada bola nahlásená po 16:00 hod. pracovného dňa alebo počas mimopracovného dňa. </t>
  </si>
  <si>
    <t>oprava vady, pri ktorej nie je potrebná dodávka náhradného dielu najneskôr do sedemdesiatichdvoch (72) hodín,</t>
  </si>
  <si>
    <t>oprava vady s dodávkou náhradného dielu najneskôr do stodvadsiatich (120) hodín, resp. v závažných prípadoch v termíne po dohode s objednávateľom.</t>
  </si>
  <si>
    <t>nedodržanie lehoty príchodu servisného technika alebo nezačatie odstraňovania vady formou vzdialeného prístupu: 10,- € (slovom: desať EUR) za každú začatú hodinu omeškania, najviac však do výšky 10% kúpnej ceny zariadenia, a to pre každý jednotlivý prípad omeškania dodávateľa,</t>
  </si>
  <si>
    <t>nedodržanie dohodnutých lehôt na odstránenie vady: 10,- € (desať EUR) za každú začatú hodinu omeškania, najviac však do výšky 10% kúpnej ceny zariadenia, a to pre každý jednotlivý prípad omeškania dodávateľa.</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oboznámil s Etickým kódexom obchodných partnerov objednávateľa zverejnenom na www.vusch.sk. Požaduje sa dodržiavanie etických zásad uvedených v Etickom kódexe objednávateľa.</t>
  </si>
  <si>
    <t>V prípade, ak sa na predmet zákazky vykonala prípravná trhová konzultácia, informácie k prípravnej trhovej konzultácie verejný obstarávateľ zverejňuje na www.vusch.sk/verejne-obstaravanie/.</t>
  </si>
  <si>
    <t>xxx</t>
  </si>
  <si>
    <t>Monitory a monitorovacie centrály</t>
  </si>
  <si>
    <t>Položka č. 1</t>
  </si>
  <si>
    <t>Položka č. 2</t>
  </si>
  <si>
    <t>Transportný zásuvný modul monitora vitálnych funkcií s obrazovkou, vrátane základného modulu pre monitorovanie EKG, SpO2, NTK, ITK, teplota</t>
  </si>
  <si>
    <t xml:space="preserve">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t>
  </si>
  <si>
    <t>Dodávateľ je povinný vystaviť faktúru za dodaný tovar v súlade s ustanovením §73 zákona č. 222/2004 Z. z. o dani z pridanej hodnoty v znení neskorších predpisov (ďalej len „zákon o DPH“).</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Tá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r>
      <t xml:space="preserve">Doklad s názvom ES vyhlásenie o zhode </t>
    </r>
    <r>
      <rPr>
        <sz val="10"/>
        <color theme="1"/>
        <rFont val="Arial"/>
        <family val="2"/>
        <charset val="238"/>
      </rPr>
      <t>a podklady k nemu,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t>
    </r>
  </si>
  <si>
    <r>
      <t xml:space="preserve">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i>
    <t>Kalkulácia ceny a návrh na plnenie kritéria na vyhodnotenie ponúk - Štruktúrovaný rozpočet ceny predmetu zákazky</t>
  </si>
  <si>
    <t>27.</t>
  </si>
  <si>
    <t>28.</t>
  </si>
  <si>
    <t>29.</t>
  </si>
  <si>
    <t>30.</t>
  </si>
  <si>
    <t>31.</t>
  </si>
  <si>
    <t>32.</t>
  </si>
  <si>
    <t>33.</t>
  </si>
  <si>
    <t>34.</t>
  </si>
  <si>
    <t>35.</t>
  </si>
  <si>
    <t>36.</t>
  </si>
  <si>
    <t>37.</t>
  </si>
  <si>
    <t>37.1</t>
  </si>
  <si>
    <t>37.2</t>
  </si>
  <si>
    <t>37.3</t>
  </si>
  <si>
    <t>37.4</t>
  </si>
  <si>
    <t>37.5</t>
  </si>
  <si>
    <t>38.</t>
  </si>
  <si>
    <t>38.1</t>
  </si>
  <si>
    <t>38.2</t>
  </si>
  <si>
    <t>38.3</t>
  </si>
  <si>
    <t>39.</t>
  </si>
  <si>
    <t>41.</t>
  </si>
  <si>
    <t>42.</t>
  </si>
  <si>
    <t>43.</t>
  </si>
  <si>
    <t>44.</t>
  </si>
  <si>
    <t>45.</t>
  </si>
  <si>
    <t>Meranie pulzov pri  neinvazívnom krvnom tlaku min. v rozsahu 40-300  úderov za minútu</t>
  </si>
  <si>
    <t>Monitorovanie 12-zvodového EKG</t>
  </si>
  <si>
    <t>Zobrazenie grafických trendov na obrazovke aj bez modulárneho monitora VF</t>
  </si>
  <si>
    <t>33195200-5 - Centrálne monitorovacie stanice</t>
  </si>
  <si>
    <t>x</t>
  </si>
  <si>
    <t>Monitor vitálnych funkcií so základnými modulmi musí monitorovať: EKG (ST segment), respirácia, SpO2, neinv.TK, 2x invaziv. KT, teplotu</t>
  </si>
  <si>
    <t>Minimálny počet zobrazených kriviek vitálnych funkcií pacienta na jednej obrazovke - min. 8 ks</t>
  </si>
  <si>
    <t>Farebná dotyková obrazovka s uhlopriečkou min. 15 palcov</t>
  </si>
  <si>
    <t>Počet vstupov pre zásuvné moduly - min. 4 ks</t>
  </si>
  <si>
    <t>Maximálna váha monitora s batériou - max. 8 kg</t>
  </si>
  <si>
    <t>Minimálny rozsah pre merania HR od 15 do 300 bmp</t>
  </si>
  <si>
    <t>Pamäť trendov v monitore - min. 48 hod.</t>
  </si>
  <si>
    <t>Monitorovanie respirácie so zobrazením krivky aj hodnoty (impedančnou formou z EKG zvodov) pre pacienta kategórie dospelý/dieťa minimálne v rozsahu  0 - 150 dych/min</t>
  </si>
  <si>
    <t>Pulzná oxymetria  kompatibilná v rozsahu minimálne  0 - 100 %</t>
  </si>
  <si>
    <t>Analýza arytmií (asystola, brady, tachy, ventr. fibrilácia/tachycardia) a analýza ST segmentu</t>
  </si>
  <si>
    <t>Monitor vitálnych funkcií musí mať rozlíšené alarmy vizuálne aj akusticky minimálne do 2 úrovní podľa priority</t>
  </si>
  <si>
    <t>Monitor s funkciou zrkadlenia obrazovky a vzdialeného ovládania z iného miesta v sieti</t>
  </si>
  <si>
    <t>Monitor vitálnych funkcií musí zobrazovať stav alarmu ostatných monitorov na oddelení a musí byť neustále viditeľný na obrazovke monitora (bez ďalších kliknutí).</t>
  </si>
  <si>
    <t xml:space="preserve">Monitor vitálnych funkcií musí umožňovať priame pripojenie modulov: IBP modul, Teplotný modul, BIS modul, CO2 modul, NMT modul, modul pre regionálnu cerebrálnu oxygenáciu, C.O. PiCCO modul </t>
  </si>
  <si>
    <t>Položka č. 2 -  Transportný zásuvný modul monitora vitálnych funkcií s obrazovkou, vrátane základného modulu pre monitorovanie EKG, SpO2, NTK, ITK, teplota</t>
  </si>
  <si>
    <t>Transportný modul musí monitorovať: EKG (ST segment), respiráciu, SpO2, neinv.TK, 2x inaziv. TK, teplotu</t>
  </si>
  <si>
    <t>Dotyková farebná obrazovka s uhlopriečkou min. 15 cm</t>
  </si>
  <si>
    <t>Minimálny počet zobrazených kriviek - min. 3x</t>
  </si>
  <si>
    <t>Transportný modul musí kontinuálne monitorovať pacienta počas transportu s následným prenosom údajov do modulárneho monitora a centrálnej siete PIICiX</t>
  </si>
  <si>
    <t>Prevádzka na internú batériu - min. 4 hodiny</t>
  </si>
  <si>
    <t>Hmotnosť modulu s batériou a rukoväťou na prenášanie - max. 1,5 kg</t>
  </si>
  <si>
    <t>Rozsah merania HR minimálne v rozsahu - 15 - 300 bmp</t>
  </si>
  <si>
    <t>Pulzná oxymetria kompatibilná v rozsahu minimálne  0-100 %</t>
  </si>
  <si>
    <t>Prenosná dokovacia stanica pre nabíjanie transportného modulu aj mimo monitora - 1ks</t>
  </si>
  <si>
    <t>Počet  - 9 ks</t>
  </si>
  <si>
    <t>Počet - 9 ks</t>
  </si>
  <si>
    <t>Meranie EKG 12 - zvodové</t>
  </si>
  <si>
    <t>Monitor musí byť plne kompatibilný a schopný pripojenia do centrálnej stanice PIICiX ver. B. ktorá je súčasťou arytmologického oddelenia spolu s telemetrickými modulmi MX40</t>
  </si>
  <si>
    <t>Minimálne príslušenstvo k monitorom vitálnych funkcií - senzory a káble pre monitorovanie vitálnych funkcií: EKG (12 zvodové), Neinv.TK, SpO2 senzor, teplotná sonda</t>
  </si>
  <si>
    <t>Modul pre monitor vitálnych funkcií umožňujúci nepretrčité neinvazívne monitorovanie Pleth variability index, Total hemoglobin, Methemoglobin, Carboxyhemoglobin, Oxygen content - 1ks</t>
  </si>
  <si>
    <t>Transportný modul musí byť plne kompatibilný a priamo pripojiteľný do ľubovoľného monitora VF opísaného v položke č. 1</t>
  </si>
  <si>
    <t xml:space="preserve">časť č. 2 - Monitory  pre I. KK - Arytmologické odd. </t>
  </si>
  <si>
    <t>Hemodynamický pacientský monitor</t>
  </si>
  <si>
    <r>
      <rPr>
        <b/>
        <sz val="11"/>
        <rFont val="Arial"/>
        <family val="2"/>
        <charset val="238"/>
      </rPr>
      <t>4 ks</t>
    </r>
    <r>
      <rPr>
        <sz val="11"/>
        <rFont val="Arial"/>
        <family val="2"/>
        <charset val="238"/>
      </rPr>
      <t xml:space="preserve"> na pevno, </t>
    </r>
    <r>
      <rPr>
        <b/>
        <sz val="11"/>
        <rFont val="Arial"/>
        <family val="2"/>
        <charset val="238"/>
      </rPr>
      <t xml:space="preserve">2 ks </t>
    </r>
    <r>
      <rPr>
        <sz val="11"/>
        <rFont val="Arial"/>
        <family val="2"/>
        <charset val="238"/>
      </rPr>
      <t>na stojan</t>
    </r>
  </si>
  <si>
    <r>
      <t>Počet monitorov - 4 ks</t>
    </r>
    <r>
      <rPr>
        <sz val="10"/>
        <rFont val="Arial"/>
        <family val="2"/>
        <charset val="238"/>
      </rPr>
      <t xml:space="preserve"> na pevno, </t>
    </r>
    <r>
      <rPr>
        <b/>
        <sz val="10"/>
        <rFont val="Arial"/>
        <family val="2"/>
        <charset val="238"/>
      </rPr>
      <t>2 ks</t>
    </r>
    <r>
      <rPr>
        <sz val="10"/>
        <rFont val="Arial"/>
        <family val="2"/>
        <charset val="238"/>
      </rPr>
      <t xml:space="preserve"> na stojan</t>
    </r>
  </si>
  <si>
    <t>Položka č. 1 - Hemodynamický pacientský monitor</t>
  </si>
  <si>
    <t>Použitie pre novorodencov, deti a dospelých pacientov (bez ďalšieho rozšírenia softwaru) s automatickým nastavením algoritmov podľa zvolenej kategórie pacienta</t>
  </si>
  <si>
    <t>EKG 3 resp. 5 zvod. káblami s detekciou zákkladných arytmií (možnosť jednoduchédo SW rozšírenia o plné arytmie)</t>
  </si>
  <si>
    <t>Vyžaduje sa analýza ST segmentu</t>
  </si>
  <si>
    <t>Vyžaduje sa detekcia pacemakeru</t>
  </si>
  <si>
    <t>Vyžaduje sa odolnosť proti defibrilačnému výboju</t>
  </si>
  <si>
    <t>Vyžaduje sa možnosť monitorovania 12 zvodového EKG</t>
  </si>
  <si>
    <t>Meranie neinvazívneho tlaku krvi (jednorazové, periodické, nepretržité meranie) s venostázou</t>
  </si>
  <si>
    <t>Súčasné meranie min. 2 invazívnych tlakov s možnosťou rozšírenia na 8 invazívnych tlakov krvi a srdcového výdaja</t>
  </si>
  <si>
    <t>Meranie respirácie so sledovaním respiračnej frekvencie z EKG elektród s možnosťou voľby zvodu</t>
  </si>
  <si>
    <t>Meranie teploty 2x  s možnosťou merania kožnou aj vnútro-telovou sondou</t>
  </si>
  <si>
    <t>Integrované monitorovanie etCO2 minimálne technológiou mainstream</t>
  </si>
  <si>
    <t>Možnosť doplnenia o meranie etCO2 technológiou microstream a sidestream (pre meranie u neintubovaných aj intubovaných pacientov)</t>
  </si>
  <si>
    <t>Možnosť doplnenia o meranie kontinuálneho srdcového výdaja</t>
  </si>
  <si>
    <t>SpO2 monitorovanie (možnosť použitia Masimo SET ako aj NellcorOximax technológie merania)</t>
  </si>
  <si>
    <t>Ďalšie vlastnosti hemodynamického monitora:</t>
  </si>
  <si>
    <t>3 úrovne alarmov podľa priority (život ohrozujúci, hraničný, technický), zvukovo a vizuálne-farebne odlíšených, manuálne alebo automatické nastavenie</t>
  </si>
  <si>
    <t>Automatické alebo manuálne nastavenie alarmových hraníc a ich zobrazenie</t>
  </si>
  <si>
    <t>Možnosť nastavenia alarmových hraníc pomocou centrálneho monitora</t>
  </si>
  <si>
    <t>Voľba farby pre zobrazenie jednotlivých parametrov (hodnoty aj krivky)</t>
  </si>
  <si>
    <t>Možnosť rozšírenia o kalkulácie liekov</t>
  </si>
  <si>
    <t>Trendy min. 72 hodín</t>
  </si>
  <si>
    <t>Automatický záznam udalostí vrátane kriviek (min 150 udalostí) s možnosťou spätného vyvolania, archivácie, tlače</t>
  </si>
  <si>
    <t>Užívateľsky konfigurovateľná obrazovka s možnosťou uloženia aspoň 4 nastavení monitora</t>
  </si>
  <si>
    <t xml:space="preserve">Vizualizácia chybových hlásení - textov na obrazovke </t>
  </si>
  <si>
    <t>Hemodymický monitor musí umožniť priame prepojenie s externými zariadeniami, minimálne pacientske servoventilátory a anesteziologické prístroje so zobrazením kriviek, slučiek a hodnôt ich parametrov</t>
  </si>
  <si>
    <t>Hemodymický monitor musí umožniť pripojenie ďalšieho displeja pre rozšírené zobrazenie</t>
  </si>
  <si>
    <t>Zostava hemodynamického monitora musí byť tvorená dvomi komponentmi: zobrazovacia/ovládacia funkčná jednotka a trasportný modul/monitor vitálnych funkcií</t>
  </si>
  <si>
    <t>Transportný modul/monitor musí byť súčasne použiteľný ako samostatný transportný monitor aj bedside monitor vitálnych funkcií</t>
  </si>
  <si>
    <t>Možnosť okamžitého použitia pre transport bez odpojovania monitora zo siete a od pacienta</t>
  </si>
  <si>
    <t>Plnohodnotné ovládanie ako pri klasickom monitore vitálnych funkcií</t>
  </si>
  <si>
    <t>Vyžaduje sa bezdrôtový prenos a obojsmerná komunikácia transportného modulu s monitorovacou centrálnou stanicou najmä počas transportu pacienta po nemocničnom oddelení</t>
  </si>
  <si>
    <t>Požadované možnosti uchytenia: do dokovacej stanice umiestnenej na postranicu (čelo, bočnicu) lôžka, stropný statív, ako aj na eurolištu</t>
  </si>
  <si>
    <t>Požadované integrované monitorovanie parametrov v rámci trasportného modulu/monitora:</t>
  </si>
  <si>
    <t>Vstup pre monitorovanie EKG (3/5 zvodové káble)</t>
  </si>
  <si>
    <t>Vstup pre monitorovanie saturácie (možnosť Nelicor aj Masimo technológie)</t>
  </si>
  <si>
    <t>Vstup pre monitorovanie neinvazívneho tlaku krvi</t>
  </si>
  <si>
    <t>2 vstupy pre invazívne tlaky krvi</t>
  </si>
  <si>
    <t>2 vstupy pre teplotu (dutinková - univerzálna)</t>
  </si>
  <si>
    <t>Vstup pre monitorovanie CO2</t>
  </si>
  <si>
    <r>
      <t xml:space="preserve">Hmotnosť: </t>
    </r>
    <r>
      <rPr>
        <b/>
        <sz val="10"/>
        <color theme="1"/>
        <rFont val="Arial"/>
        <family val="2"/>
        <charset val="238"/>
      </rPr>
      <t>max 1 kg</t>
    </r>
  </si>
  <si>
    <r>
      <t xml:space="preserve">Rozmery: </t>
    </r>
    <r>
      <rPr>
        <b/>
        <sz val="10"/>
        <color theme="1"/>
        <rFont val="Arial"/>
        <family val="2"/>
        <charset val="238"/>
      </rPr>
      <t>max. 260 x 90 x 45 mm</t>
    </r>
  </si>
  <si>
    <t>Monitor musí umožniť priame prepojennie do monitorovacej siete s centrálnym monitorom, ako aj so sieťovou tlačiarňou s možnosťou priamej tlače z monitora</t>
  </si>
  <si>
    <t>37.6</t>
  </si>
  <si>
    <t>Zostava transportného modulu/monitora musí obsahovať:</t>
  </si>
  <si>
    <t>transportný modul/monitor</t>
  </si>
  <si>
    <t>dokovacia stanica (s rozhraním pre elektrické napájanie transportného modulu/monitora), dobíjanie jeho batérie a dátovú komunikáciu, uchytená na statíve/eurolište staticky, ako samostatná funkčná jednotka fungujúca v prípade nutnosti aj nezávisle od napájania celého systému</t>
  </si>
  <si>
    <t>transportná dokovacia stanica pre uchytenie k lôžku pacienta/inkubátoru pri transporte</t>
  </si>
  <si>
    <r>
      <t xml:space="preserve">Uhlopriečka farebnej dotykovej obrazovky transportného modulu/monitora:  </t>
    </r>
    <r>
      <rPr>
        <b/>
        <sz val="10"/>
        <color theme="1"/>
        <rFont val="Arial"/>
        <family val="2"/>
        <charset val="238"/>
      </rPr>
      <t>maximálne 6,5"</t>
    </r>
  </si>
  <si>
    <r>
      <t xml:space="preserve">Výdrž prevádzky na jedno nabitie integrovanej batérie:  </t>
    </r>
    <r>
      <rPr>
        <b/>
        <sz val="10"/>
        <color theme="1"/>
        <rFont val="Arial"/>
        <family val="2"/>
        <charset val="238"/>
      </rPr>
      <t>min. 4 hodiny</t>
    </r>
  </si>
  <si>
    <r>
      <t xml:space="preserve">Farebná dotyková uhlopriečka s dotykovým ovládaním o veľkosti </t>
    </r>
    <r>
      <rPr>
        <b/>
        <sz val="10"/>
        <rFont val="Arial"/>
        <family val="2"/>
        <charset val="238"/>
      </rPr>
      <t>minimálne 17"</t>
    </r>
  </si>
  <si>
    <t xml:space="preserve">40. </t>
  </si>
  <si>
    <t>Vyžaduje sa funkčné prepojenie s transportným modulom/monitorom tvoriaca jeden ucelený hemodynamický pacientský monitor s veľkou obrazovkou poskytujúcou polnohodnotné zobrazenie monitorovaných parametrov, trendov, udalosti ako aj rôznych terapeutických funkcií pri rozšírenom monitoringu</t>
  </si>
  <si>
    <t>ZOFJ musí poskytovať kontinuálne trendy a udalosti pacienta bez prerušenia pri jeho privezení späť z transportu</t>
  </si>
  <si>
    <t>ZOFJ musí umožniť rozšírenie o prepojenie do nemocničnej siete (NIS, PACS, WEB) pre elektronický prenos údajov medzi nimi - prenos pacientských údajov, snímok RTG, a pod.</t>
  </si>
  <si>
    <t>Vyžaduje sa možnosť pripojenia klávesnice a myši k ZOFJ pre jednoduchšie zadávanie demografických údajov pacienta a nastavení monitora</t>
  </si>
  <si>
    <t>Monitor vybavený všetkými potrebnými senzormi a káblami, okrem prevodníkov IBP, podľa uvedenej špecifikácie pre jeho uvedenie do prevádzky. Senzory pre kategóriu pacientov dospelý v minimálnom množstve 1 ks na parameter.</t>
  </si>
  <si>
    <r>
      <rPr>
        <sz val="10"/>
        <rFont val="Arial"/>
        <family val="2"/>
        <charset val="238"/>
      </rPr>
      <t>Vybavenie hemodymického monitora o príslušenstvo a senzory pre monitorovanie parametrov:</t>
    </r>
    <r>
      <rPr>
        <b/>
        <sz val="10"/>
        <rFont val="Arial"/>
        <family val="2"/>
        <charset val="238"/>
      </rPr>
      <t xml:space="preserve">  EKG, neinv. TK, SpO2, 2x IBP, 2 x teplota</t>
    </r>
  </si>
  <si>
    <t xml:space="preserve">Položka č. 2 - Centrálna monitorovacia stanica  </t>
  </si>
  <si>
    <t>Centrála monitorovacieho systému pre pripojenie pacientských monitorov vitálnych funkcií, hemodymických pacientských monitorov pomocou LAN a WiFi siete</t>
  </si>
  <si>
    <r>
      <t>Možnosť súčasného pripojenia a zobrazenia minimálne</t>
    </r>
    <r>
      <rPr>
        <sz val="11"/>
        <color rgb="FFFF0000"/>
        <rFont val="Arial"/>
        <family val="2"/>
        <charset val="238"/>
      </rPr>
      <t xml:space="preserve"> </t>
    </r>
    <r>
      <rPr>
        <sz val="11"/>
        <color theme="1"/>
        <rFont val="Arial"/>
        <family val="2"/>
        <charset val="238"/>
      </rPr>
      <t>16 pacientov</t>
    </r>
    <r>
      <rPr>
        <sz val="11"/>
        <color rgb="FFFF0000"/>
        <rFont val="Arial"/>
        <family val="2"/>
        <charset val="238"/>
      </rPr>
      <t xml:space="preserve"> </t>
    </r>
    <r>
      <rPr>
        <sz val="11"/>
        <color theme="1"/>
        <rFont val="Arial"/>
        <family val="2"/>
        <charset val="238"/>
      </rPr>
      <t>na jednej centrálnej stanici s možnosťou rozšírenia minimálne do 32 pacientov</t>
    </r>
  </si>
  <si>
    <t>72 hodín Fulldisclosure/EventDisclosure pre 12 pacientov vrátane hemodynamiky</t>
  </si>
  <si>
    <t>1000 arytmií alebo alarmov uložených pre 1 pacienta</t>
  </si>
  <si>
    <t>HL7 Interface</t>
  </si>
  <si>
    <t>Vzdialený prístup z centrálneho monitora k monitorom vitálnych funkcií s potlačením alarmu na lôžkovom monitore</t>
  </si>
  <si>
    <t>Vybavenie k centrálnej stanici:</t>
  </si>
  <si>
    <t>UPS</t>
  </si>
  <si>
    <t>laserová tlačiareň</t>
  </si>
  <si>
    <t>klávesnica</t>
  </si>
  <si>
    <t>myš</t>
  </si>
  <si>
    <t>switch</t>
  </si>
  <si>
    <r>
      <t xml:space="preserve">displej s uhlopriečkou  </t>
    </r>
    <r>
      <rPr>
        <b/>
        <sz val="10"/>
        <color theme="1"/>
        <rFont val="Arial"/>
        <family val="2"/>
        <charset val="238"/>
      </rPr>
      <t>minimálne 21"</t>
    </r>
  </si>
  <si>
    <t>V prípade prepojenia servoventilátorov, anestéziologických prístrojov, telemetrických monitorov sa vyžaduje zobrazenie ich kriviek a parametrov na obrazovke centrálnej stanice</t>
  </si>
  <si>
    <t>8.1.</t>
  </si>
  <si>
    <t>8.2</t>
  </si>
  <si>
    <t>8.3</t>
  </si>
  <si>
    <t>8.4</t>
  </si>
  <si>
    <t>8.5</t>
  </si>
  <si>
    <t>8.6</t>
  </si>
  <si>
    <t>Vlastnosti transportného modulu / monitora:</t>
  </si>
  <si>
    <t>Zobrazovacia / ovládacia funkčná jednotka (ZOFJ) hemodynamického monitora:</t>
  </si>
  <si>
    <t xml:space="preserve">časť 1. -  Monitory a monitorovacia centrála pre KCCH </t>
  </si>
  <si>
    <t>Monitory a monitorovacia centrála</t>
  </si>
  <si>
    <t xml:space="preserve">Centrálna monitorovacia stanica  </t>
  </si>
  <si>
    <t>Počet - 1 ks</t>
  </si>
  <si>
    <r>
      <t xml:space="preserve">Grafické a tabuľkové trendy </t>
    </r>
    <r>
      <rPr>
        <b/>
        <sz val="11"/>
        <color theme="1"/>
        <rFont val="Arial"/>
        <family val="2"/>
        <charset val="238"/>
      </rPr>
      <t>na 72 hodín</t>
    </r>
  </si>
  <si>
    <t>Požadovaný počet MJ</t>
  </si>
  <si>
    <r>
      <t xml:space="preserve">Požadované minimálne technické vlastnosti, parametre a hodnoty predmetu zákazky sú uvedené samostatne pre každú časť predmetu zákazky: </t>
    </r>
    <r>
      <rPr>
        <b/>
        <sz val="10"/>
        <color theme="5" tint="-0.249977111117893"/>
        <rFont val="Arial"/>
        <family val="2"/>
        <charset val="238"/>
      </rPr>
      <t>PTK Ponuka č. 1</t>
    </r>
    <r>
      <rPr>
        <sz val="10"/>
        <color theme="1"/>
        <rFont val="Arial"/>
        <family val="2"/>
        <charset val="238"/>
      </rPr>
      <t xml:space="preserve"> ; </t>
    </r>
    <r>
      <rPr>
        <b/>
        <sz val="10"/>
        <color rgb="FF0070C0"/>
        <rFont val="Arial"/>
        <family val="2"/>
        <charset val="238"/>
      </rPr>
      <t>PTK Ponuka č. 2</t>
    </r>
    <r>
      <rPr>
        <sz val="10"/>
        <color theme="1"/>
        <rFont val="Arial"/>
        <family val="2"/>
        <charset val="238"/>
      </rPr>
      <t xml:space="preserve"> (jednotlivé hárky excelu).</t>
    </r>
  </si>
</sst>
</file>

<file path=xl/styles.xml><?xml version="1.0" encoding="utf-8"?>
<styleSheet xmlns="http://schemas.openxmlformats.org/spreadsheetml/2006/main" xmlns:mc="http://schemas.openxmlformats.org/markup-compatibility/2006" xmlns:x14ac="http://schemas.microsoft.com/office/spreadsheetml/2009/9/ac" mc:Ignorable="x14ac">
  <fonts count="30"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8"/>
      <color theme="1"/>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name val="Calibri"/>
      <family val="2"/>
      <charset val="238"/>
      <scheme val="minor"/>
    </font>
    <font>
      <sz val="10"/>
      <color rgb="FF000000"/>
      <name val="Arial"/>
      <family val="2"/>
      <charset val="238"/>
    </font>
    <font>
      <i/>
      <sz val="10"/>
      <color rgb="FF000000"/>
      <name val="Arial"/>
      <family val="2"/>
      <charset val="238"/>
    </font>
    <font>
      <sz val="11"/>
      <name val="Arial"/>
      <family val="2"/>
      <charset val="238"/>
    </font>
    <font>
      <i/>
      <sz val="10"/>
      <color theme="1"/>
      <name val="Arial"/>
      <family val="2"/>
      <charset val="238"/>
    </font>
    <font>
      <i/>
      <sz val="10"/>
      <name val="Arial"/>
      <family val="2"/>
      <charset val="238"/>
    </font>
    <font>
      <b/>
      <sz val="10"/>
      <color theme="8" tint="-0.249977111117893"/>
      <name val="Arial"/>
      <family val="2"/>
      <charset val="238"/>
    </font>
    <font>
      <b/>
      <i/>
      <sz val="10"/>
      <color theme="1"/>
      <name val="Arial"/>
      <family val="2"/>
      <charset val="238"/>
    </font>
    <font>
      <b/>
      <sz val="11"/>
      <name val="Arial"/>
      <family val="2"/>
      <charset val="238"/>
    </font>
    <font>
      <b/>
      <i/>
      <sz val="10"/>
      <name val="Arial"/>
      <family val="2"/>
      <charset val="238"/>
    </font>
    <font>
      <sz val="11"/>
      <color theme="1"/>
      <name val="Arial"/>
      <family val="2"/>
      <charset val="238"/>
    </font>
    <font>
      <sz val="11"/>
      <color rgb="FFFF0000"/>
      <name val="Arial"/>
      <family val="2"/>
      <charset val="238"/>
    </font>
    <font>
      <b/>
      <sz val="11"/>
      <color theme="1"/>
      <name val="Arial"/>
      <family val="2"/>
      <charset val="238"/>
    </font>
    <font>
      <b/>
      <sz val="10"/>
      <color theme="5" tint="-0.249977111117893"/>
      <name val="Arial"/>
      <family val="2"/>
      <charset val="238"/>
    </font>
    <font>
      <b/>
      <sz val="10"/>
      <color rgb="FF0070C0"/>
      <name val="Arial"/>
      <family val="2"/>
      <charset val="238"/>
    </font>
    <font>
      <b/>
      <sz val="10"/>
      <color rgb="FFC0000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5" tint="0.39997558519241921"/>
        <bgColor indexed="64"/>
      </patternFill>
    </fill>
  </fills>
  <borders count="75">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indexed="64"/>
      </left>
      <right style="thin">
        <color auto="1"/>
      </right>
      <top style="medium">
        <color indexed="64"/>
      </top>
      <bottom style="thin">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style="thin">
        <color auto="1"/>
      </left>
      <right style="dotted">
        <color auto="1"/>
      </right>
      <top/>
      <bottom style="dotted">
        <color auto="1"/>
      </bottom>
      <diagonal/>
    </border>
    <border>
      <left/>
      <right style="medium">
        <color auto="1"/>
      </right>
      <top style="thin">
        <color indexed="64"/>
      </top>
      <bottom style="thin">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thin">
        <color auto="1"/>
      </top>
      <bottom style="dotted">
        <color indexed="64"/>
      </bottom>
      <diagonal/>
    </border>
    <border>
      <left style="thin">
        <color auto="1"/>
      </left>
      <right/>
      <top style="dotted">
        <color indexed="64"/>
      </top>
      <bottom style="dotted">
        <color indexed="64"/>
      </bottom>
      <diagonal/>
    </border>
    <border>
      <left style="medium">
        <color auto="1"/>
      </left>
      <right style="thin">
        <color auto="1"/>
      </right>
      <top style="dotted">
        <color auto="1"/>
      </top>
      <bottom style="thin">
        <color auto="1"/>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style="dotted">
        <color auto="1"/>
      </top>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indexed="64"/>
      </left>
      <right style="thin">
        <color indexed="64"/>
      </right>
      <top/>
      <bottom style="thin">
        <color indexed="64"/>
      </bottom>
      <diagonal/>
    </border>
    <border>
      <left style="thin">
        <color auto="1"/>
      </left>
      <right style="medium">
        <color indexed="64"/>
      </right>
      <top/>
      <bottom style="thin">
        <color auto="1"/>
      </bottom>
      <diagonal/>
    </border>
    <border>
      <left style="thin">
        <color auto="1"/>
      </left>
      <right/>
      <top/>
      <bottom style="thin">
        <color auto="1"/>
      </bottom>
      <diagonal/>
    </border>
    <border>
      <left style="thin">
        <color auto="1"/>
      </left>
      <right style="thin">
        <color auto="1"/>
      </right>
      <top/>
      <bottom/>
      <diagonal/>
    </border>
    <border>
      <left style="thin">
        <color auto="1"/>
      </left>
      <right style="thin">
        <color auto="1"/>
      </right>
      <top style="dotted">
        <color indexed="64"/>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thin">
        <color auto="1"/>
      </top>
      <bottom/>
      <diagonal/>
    </border>
    <border>
      <left style="medium">
        <color auto="1"/>
      </left>
      <right style="thin">
        <color auto="1"/>
      </right>
      <top style="thin">
        <color auto="1"/>
      </top>
      <bottom style="medium">
        <color indexed="64"/>
      </bottom>
      <diagonal/>
    </border>
    <border>
      <left/>
      <right style="thin">
        <color auto="1"/>
      </right>
      <top style="thin">
        <color auto="1"/>
      </top>
      <bottom style="medium">
        <color indexed="64"/>
      </bottom>
      <diagonal/>
    </border>
    <border>
      <left/>
      <right style="thin">
        <color auto="1"/>
      </right>
      <top/>
      <bottom style="thin">
        <color auto="1"/>
      </bottom>
      <diagonal/>
    </border>
    <border>
      <left style="medium">
        <color auto="1"/>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thin">
        <color auto="1"/>
      </left>
      <right style="medium">
        <color indexed="64"/>
      </right>
      <top style="thin">
        <color auto="1"/>
      </top>
      <bottom/>
      <diagonal/>
    </border>
    <border>
      <left style="thin">
        <color auto="1"/>
      </left>
      <right/>
      <top style="thin">
        <color auto="1"/>
      </top>
      <bottom style="medium">
        <color indexed="64"/>
      </bottom>
      <diagonal/>
    </border>
    <border>
      <left style="medium">
        <color indexed="64"/>
      </left>
      <right style="thin">
        <color auto="1"/>
      </right>
      <top style="medium">
        <color indexed="64"/>
      </top>
      <bottom/>
      <diagonal/>
    </border>
    <border>
      <left/>
      <right style="thin">
        <color auto="1"/>
      </right>
      <top style="medium">
        <color indexed="64"/>
      </top>
      <bottom/>
      <diagonal/>
    </border>
    <border>
      <left style="thin">
        <color indexed="64"/>
      </left>
      <right style="thin">
        <color indexed="64"/>
      </right>
      <top style="medium">
        <color indexed="64"/>
      </top>
      <bottom/>
      <diagonal/>
    </border>
    <border>
      <left style="thin">
        <color auto="1"/>
      </left>
      <right style="medium">
        <color indexed="64"/>
      </right>
      <top style="medium">
        <color indexed="64"/>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medium">
        <color indexed="64"/>
      </left>
      <right style="thin">
        <color auto="1"/>
      </right>
      <top style="medium">
        <color indexed="64"/>
      </top>
      <bottom style="medium">
        <color indexed="64"/>
      </bottom>
      <diagonal/>
    </border>
    <border>
      <left style="thin">
        <color auto="1"/>
      </left>
      <right style="thin">
        <color auto="1"/>
      </right>
      <top style="medium">
        <color indexed="64"/>
      </top>
      <bottom style="medium">
        <color indexed="64"/>
      </bottom>
      <diagonal/>
    </border>
    <border>
      <left style="thin">
        <color auto="1"/>
      </left>
      <right style="medium">
        <color indexed="64"/>
      </right>
      <top style="medium">
        <color indexed="64"/>
      </top>
      <bottom style="medium">
        <color indexed="64"/>
      </bottom>
      <diagonal/>
    </border>
    <border>
      <left/>
      <right style="medium">
        <color indexed="64"/>
      </right>
      <top/>
      <bottom/>
      <diagonal/>
    </border>
    <border>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6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10" xfId="0" applyNumberFormat="1" applyFont="1" applyFill="1" applyBorder="1" applyAlignment="1">
      <alignment horizontal="center" vertical="center" wrapText="1"/>
    </xf>
    <xf numFmtId="49" fontId="2" fillId="0" borderId="14"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11" fillId="0" borderId="0" xfId="0" applyFont="1" applyAlignment="1">
      <alignment horizontal="center" vertical="top" wrapText="1"/>
    </xf>
    <xf numFmtId="0" fontId="11"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1"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3" fillId="0" borderId="26"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0"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0" borderId="23" xfId="0" applyNumberFormat="1" applyFont="1" applyBorder="1" applyAlignment="1">
      <alignment horizontal="center" vertical="center" wrapText="1"/>
    </xf>
    <xf numFmtId="0" fontId="7" fillId="2" borderId="15" xfId="5" applyFont="1" applyFill="1" applyBorder="1" applyAlignment="1">
      <alignment horizontal="right" vertical="center" wrapText="1"/>
    </xf>
    <xf numFmtId="49" fontId="2" fillId="0" borderId="9" xfId="0" applyNumberFormat="1" applyFont="1" applyFill="1" applyBorder="1" applyAlignment="1">
      <alignment horizontal="center" vertical="center" wrapText="1"/>
    </xf>
    <xf numFmtId="0" fontId="7" fillId="0" borderId="27" xfId="0" applyNumberFormat="1" applyFont="1" applyBorder="1" applyAlignment="1">
      <alignment horizontal="center" vertical="center" wrapText="1"/>
    </xf>
    <xf numFmtId="0" fontId="7" fillId="0" borderId="15" xfId="0" applyNumberFormat="1" applyFont="1" applyBorder="1" applyAlignment="1">
      <alignment horizontal="center" vertical="center" wrapText="1"/>
    </xf>
    <xf numFmtId="0" fontId="7" fillId="0" borderId="28" xfId="0" applyNumberFormat="1" applyFont="1" applyBorder="1" applyAlignment="1">
      <alignment horizontal="center" vertical="center" wrapText="1"/>
    </xf>
    <xf numFmtId="0" fontId="7" fillId="0" borderId="0" xfId="0" applyFont="1" applyAlignment="1">
      <alignment horizontal="right" vertical="top" wrapText="1"/>
    </xf>
    <xf numFmtId="0" fontId="3" fillId="0" borderId="34"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4" fillId="0" borderId="36" xfId="0" applyFont="1" applyFill="1" applyBorder="1" applyAlignment="1">
      <alignment horizontal="left" vertical="center" wrapText="1"/>
    </xf>
    <xf numFmtId="0" fontId="4" fillId="0" borderId="34" xfId="0" applyFont="1" applyFill="1" applyBorder="1" applyAlignment="1">
      <alignment horizontal="left" vertical="center" wrapText="1"/>
    </xf>
    <xf numFmtId="0" fontId="12"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2" fillId="0" borderId="0" xfId="0" applyNumberFormat="1" applyFont="1" applyBorder="1" applyAlignment="1">
      <alignment horizontal="left" wrapText="1"/>
    </xf>
    <xf numFmtId="14" fontId="12" fillId="0" borderId="0" xfId="0" applyNumberFormat="1" applyFont="1" applyBorder="1" applyAlignment="1">
      <alignment horizontal="left" vertical="top" wrapText="1"/>
    </xf>
    <xf numFmtId="0" fontId="7" fillId="0" borderId="44" xfId="0" applyNumberFormat="1" applyFont="1" applyBorder="1" applyAlignment="1">
      <alignment horizontal="center" vertical="center" wrapText="1"/>
    </xf>
    <xf numFmtId="0" fontId="11" fillId="0" borderId="0" xfId="0" applyFont="1" applyAlignment="1">
      <alignment vertical="center" wrapText="1"/>
    </xf>
    <xf numFmtId="0" fontId="4" fillId="0" borderId="0" xfId="0" applyFont="1" applyFill="1" applyAlignment="1">
      <alignment horizontal="left" vertical="center" wrapText="1"/>
    </xf>
    <xf numFmtId="0" fontId="4" fillId="0" borderId="15" xfId="0" applyFont="1" applyFill="1" applyBorder="1" applyAlignment="1">
      <alignment horizontal="left" vertical="center" wrapText="1"/>
    </xf>
    <xf numFmtId="49" fontId="18" fillId="0" borderId="8" xfId="0" applyNumberFormat="1" applyFont="1" applyFill="1" applyBorder="1" applyAlignment="1">
      <alignment horizontal="center" vertical="center" wrapText="1"/>
    </xf>
    <xf numFmtId="49" fontId="18" fillId="0" borderId="39" xfId="0" applyNumberFormat="1" applyFont="1" applyFill="1" applyBorder="1" applyAlignment="1">
      <alignment horizontal="center" vertical="center" wrapText="1"/>
    </xf>
    <xf numFmtId="49" fontId="18" fillId="0" borderId="38" xfId="0" applyNumberFormat="1" applyFont="1" applyFill="1" applyBorder="1" applyAlignment="1">
      <alignment horizontal="right" vertical="center" wrapText="1"/>
    </xf>
    <xf numFmtId="49" fontId="18" fillId="0" borderId="41" xfId="0" applyNumberFormat="1" applyFont="1" applyFill="1" applyBorder="1" applyAlignment="1">
      <alignment horizontal="right" vertical="center" wrapText="1"/>
    </xf>
    <xf numFmtId="49" fontId="18" fillId="0" borderId="10" xfId="0" applyNumberFormat="1" applyFont="1" applyFill="1" applyBorder="1" applyAlignment="1">
      <alignment horizontal="right" vertical="center" wrapText="1"/>
    </xf>
    <xf numFmtId="49" fontId="18" fillId="0" borderId="37" xfId="0" applyNumberFormat="1" applyFont="1" applyFill="1" applyBorder="1" applyAlignment="1">
      <alignment horizontal="right" vertical="center" wrapText="1"/>
    </xf>
    <xf numFmtId="49" fontId="18" fillId="0" borderId="11" xfId="0" applyNumberFormat="1" applyFont="1" applyFill="1" applyBorder="1" applyAlignment="1">
      <alignment horizontal="center" vertical="center" wrapText="1"/>
    </xf>
    <xf numFmtId="49" fontId="18" fillId="0" borderId="40" xfId="0" applyNumberFormat="1" applyFont="1" applyFill="1" applyBorder="1" applyAlignment="1">
      <alignment horizontal="center" vertical="center" wrapText="1"/>
    </xf>
    <xf numFmtId="49" fontId="18" fillId="0" borderId="35" xfId="0" applyNumberFormat="1" applyFont="1" applyFill="1" applyBorder="1" applyAlignment="1">
      <alignment horizontal="right" vertical="center" wrapText="1"/>
    </xf>
    <xf numFmtId="49" fontId="19" fillId="0" borderId="11" xfId="0" applyNumberFormat="1" applyFont="1" applyFill="1" applyBorder="1" applyAlignment="1">
      <alignment horizontal="center" vertical="center" wrapText="1"/>
    </xf>
    <xf numFmtId="49" fontId="19" fillId="0" borderId="39" xfId="0" applyNumberFormat="1" applyFont="1" applyFill="1" applyBorder="1" applyAlignment="1">
      <alignment horizontal="center" vertical="center" wrapText="1"/>
    </xf>
    <xf numFmtId="49" fontId="19" fillId="0" borderId="10" xfId="0" applyNumberFormat="1" applyFont="1" applyFill="1" applyBorder="1" applyAlignment="1">
      <alignment horizontal="right" vertical="center" wrapText="1"/>
    </xf>
    <xf numFmtId="49" fontId="19" fillId="0" borderId="37" xfId="0" applyNumberFormat="1" applyFont="1" applyFill="1" applyBorder="1" applyAlignment="1">
      <alignment horizontal="right" vertical="center" wrapText="1"/>
    </xf>
    <xf numFmtId="49" fontId="19" fillId="0" borderId="9" xfId="0" applyNumberFormat="1" applyFont="1" applyFill="1" applyBorder="1" applyAlignment="1">
      <alignment horizontal="right" vertical="center" wrapText="1"/>
    </xf>
    <xf numFmtId="49" fontId="19" fillId="0" borderId="37" xfId="0" applyNumberFormat="1" applyFont="1" applyFill="1" applyBorder="1" applyAlignment="1">
      <alignment horizontal="center" vertical="center" wrapText="1"/>
    </xf>
    <xf numFmtId="49" fontId="18" fillId="0" borderId="37" xfId="0" applyNumberFormat="1" applyFont="1" applyFill="1" applyBorder="1" applyAlignment="1">
      <alignment horizontal="center" vertical="center" wrapText="1"/>
    </xf>
    <xf numFmtId="0" fontId="4" fillId="6" borderId="22" xfId="0" applyFont="1" applyFill="1" applyBorder="1" applyAlignment="1">
      <alignment horizontal="left" vertical="center" wrapText="1"/>
    </xf>
    <xf numFmtId="0" fontId="4" fillId="6" borderId="33" xfId="0" applyFont="1" applyFill="1" applyBorder="1" applyAlignment="1">
      <alignment horizontal="left" vertical="center" wrapText="1"/>
    </xf>
    <xf numFmtId="0" fontId="4" fillId="6" borderId="34"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48" xfId="0" applyFont="1" applyFill="1" applyBorder="1" applyAlignment="1">
      <alignment horizontal="left" vertical="center" wrapText="1"/>
    </xf>
    <xf numFmtId="0" fontId="4" fillId="6" borderId="5" xfId="0" applyFont="1" applyFill="1" applyBorder="1" applyAlignment="1">
      <alignment horizontal="left" vertical="center" wrapText="1"/>
    </xf>
    <xf numFmtId="0" fontId="15" fillId="6" borderId="0" xfId="0" applyFont="1" applyFill="1" applyBorder="1" applyAlignment="1">
      <alignment horizontal="justify" vertical="center"/>
    </xf>
    <xf numFmtId="0" fontId="4" fillId="6" borderId="15" xfId="0" applyFont="1" applyFill="1" applyBorder="1" applyAlignment="1">
      <alignment horizontal="left" vertical="center" wrapText="1"/>
    </xf>
    <xf numFmtId="0" fontId="4" fillId="6" borderId="49" xfId="0" applyFont="1" applyFill="1" applyBorder="1" applyAlignment="1">
      <alignment horizontal="left" vertical="center" wrapText="1"/>
    </xf>
    <xf numFmtId="0" fontId="4" fillId="6" borderId="36" xfId="0" applyFont="1" applyFill="1" applyBorder="1" applyAlignment="1">
      <alignment horizontal="left" vertical="center" wrapText="1"/>
    </xf>
    <xf numFmtId="0" fontId="4" fillId="6" borderId="50" xfId="0" applyFont="1" applyFill="1" applyBorder="1" applyAlignment="1">
      <alignment horizontal="left" vertical="center" wrapText="1"/>
    </xf>
    <xf numFmtId="0" fontId="4" fillId="0" borderId="0" xfId="0" applyFont="1" applyFill="1" applyAlignment="1">
      <alignment horizontal="left" vertical="center" wrapText="1"/>
    </xf>
    <xf numFmtId="0" fontId="3" fillId="0" borderId="43" xfId="0" applyFont="1" applyFill="1" applyBorder="1" applyAlignment="1">
      <alignment horizontal="left" vertical="center" wrapText="1"/>
    </xf>
    <xf numFmtId="0" fontId="4" fillId="0" borderId="15" xfId="0" applyFont="1" applyBorder="1" applyAlignment="1">
      <alignment horizontal="left" vertical="center" wrapText="1"/>
    </xf>
    <xf numFmtId="0" fontId="5" fillId="0" borderId="15" xfId="0" applyFont="1" applyBorder="1" applyAlignment="1">
      <alignment horizontal="left" vertical="center" wrapText="1"/>
    </xf>
    <xf numFmtId="0" fontId="2" fillId="0" borderId="15" xfId="0" applyFont="1" applyFill="1" applyBorder="1" applyAlignment="1">
      <alignment horizontal="center" vertical="center" wrapText="1"/>
    </xf>
    <xf numFmtId="0" fontId="2" fillId="0" borderId="11" xfId="0" applyFont="1" applyFill="1" applyBorder="1" applyAlignment="1">
      <alignment vertical="center" wrapText="1"/>
    </xf>
    <xf numFmtId="0" fontId="2" fillId="6" borderId="51" xfId="0" applyFont="1" applyFill="1" applyBorder="1" applyAlignment="1">
      <alignment vertical="center" wrapText="1"/>
    </xf>
    <xf numFmtId="0" fontId="2" fillId="6" borderId="28" xfId="0" applyFont="1" applyFill="1" applyBorder="1" applyAlignment="1">
      <alignment horizontal="center" vertical="center" wrapText="1"/>
    </xf>
    <xf numFmtId="0" fontId="2" fillId="6" borderId="37" xfId="0" applyFont="1" applyFill="1" applyBorder="1" applyAlignment="1">
      <alignment vertical="center" wrapText="1"/>
    </xf>
    <xf numFmtId="0" fontId="2" fillId="6" borderId="44" xfId="0" applyFont="1" applyFill="1" applyBorder="1" applyAlignment="1">
      <alignment horizontal="center" vertical="center" wrapText="1"/>
    </xf>
    <xf numFmtId="0" fontId="2" fillId="3" borderId="60" xfId="0" applyFont="1" applyFill="1" applyBorder="1" applyAlignment="1">
      <alignment horizontal="left" vertical="top" wrapText="1"/>
    </xf>
    <xf numFmtId="0" fontId="2" fillId="3" borderId="62" xfId="0" applyFont="1" applyFill="1" applyBorder="1" applyAlignment="1">
      <alignment horizontal="center" vertical="top" wrapText="1"/>
    </xf>
    <xf numFmtId="0" fontId="2" fillId="3" borderId="63" xfId="0" applyFont="1" applyFill="1" applyBorder="1" applyAlignment="1">
      <alignment horizontal="center" vertical="top" wrapText="1"/>
    </xf>
    <xf numFmtId="0" fontId="2" fillId="0" borderId="37" xfId="0" applyFont="1" applyFill="1" applyBorder="1" applyAlignment="1">
      <alignment vertical="center" wrapText="1"/>
    </xf>
    <xf numFmtId="0" fontId="2" fillId="0" borderId="44" xfId="0" applyFont="1" applyFill="1" applyBorder="1" applyAlignment="1">
      <alignment horizontal="center" vertical="center" wrapText="1"/>
    </xf>
    <xf numFmtId="49" fontId="2" fillId="2" borderId="64" xfId="0" applyNumberFormat="1" applyFont="1" applyFill="1" applyBorder="1" applyAlignment="1">
      <alignment horizontal="center" vertical="center" wrapText="1"/>
    </xf>
    <xf numFmtId="0" fontId="7" fillId="0" borderId="50" xfId="0" applyNumberFormat="1" applyFont="1" applyBorder="1" applyAlignment="1">
      <alignment horizontal="center" vertical="center" wrapText="1"/>
    </xf>
    <xf numFmtId="0" fontId="2" fillId="0" borderId="15" xfId="0" applyFont="1" applyBorder="1" applyAlignment="1">
      <alignment vertical="center" wrapText="1"/>
    </xf>
    <xf numFmtId="0" fontId="2" fillId="0" borderId="15" xfId="0" applyFont="1" applyBorder="1" applyAlignment="1">
      <alignment vertical="center"/>
    </xf>
    <xf numFmtId="0" fontId="2" fillId="0" borderId="50" xfId="0" applyFont="1" applyBorder="1" applyAlignment="1">
      <alignment vertical="center" wrapText="1"/>
    </xf>
    <xf numFmtId="0" fontId="4" fillId="6" borderId="46" xfId="0" applyFont="1" applyFill="1" applyBorder="1" applyAlignment="1">
      <alignment horizontal="left" vertical="center" wrapText="1"/>
    </xf>
    <xf numFmtId="49" fontId="16" fillId="0" borderId="11" xfId="0" applyNumberFormat="1" applyFont="1" applyBorder="1" applyAlignment="1">
      <alignment horizontal="center" vertical="center"/>
    </xf>
    <xf numFmtId="49" fontId="19" fillId="0" borderId="11" xfId="0" applyNumberFormat="1" applyFont="1" applyBorder="1" applyAlignment="1">
      <alignment horizontal="center" vertical="center"/>
    </xf>
    <xf numFmtId="49" fontId="19" fillId="0" borderId="11" xfId="0" applyNumberFormat="1" applyFont="1" applyBorder="1" applyAlignment="1">
      <alignment horizontal="right" vertical="center"/>
    </xf>
    <xf numFmtId="49" fontId="18" fillId="0" borderId="11" xfId="0" applyNumberFormat="1" applyFont="1" applyBorder="1" applyAlignment="1">
      <alignment horizontal="center" vertical="center"/>
    </xf>
    <xf numFmtId="49" fontId="18" fillId="0" borderId="40" xfId="0" applyNumberFormat="1" applyFont="1" applyBorder="1" applyAlignment="1">
      <alignment horizontal="center" vertical="center"/>
    </xf>
    <xf numFmtId="49" fontId="5" fillId="0" borderId="54" xfId="1" applyNumberFormat="1" applyFont="1" applyBorder="1" applyAlignment="1">
      <alignment horizontal="left" vertical="top" wrapText="1"/>
    </xf>
    <xf numFmtId="49" fontId="5" fillId="0" borderId="70" xfId="1" applyNumberFormat="1" applyFont="1" applyBorder="1" applyAlignment="1">
      <alignment horizontal="left" vertical="center" wrapText="1"/>
    </xf>
    <xf numFmtId="0" fontId="2" fillId="0" borderId="54" xfId="0" applyFont="1" applyBorder="1" applyAlignment="1">
      <alignment horizontal="left" vertical="center" wrapText="1"/>
    </xf>
    <xf numFmtId="0" fontId="2" fillId="0" borderId="0" xfId="0" applyFont="1" applyBorder="1" applyAlignment="1">
      <alignment vertical="center" wrapText="1"/>
    </xf>
    <xf numFmtId="0" fontId="2" fillId="0" borderId="0" xfId="0" applyFont="1" applyBorder="1" applyAlignment="1">
      <alignment horizontal="center" vertical="center" wrapText="1"/>
    </xf>
    <xf numFmtId="0" fontId="2" fillId="0" borderId="70" xfId="0" applyFont="1" applyBorder="1" applyAlignment="1">
      <alignment horizontal="center" vertical="center" wrapText="1"/>
    </xf>
    <xf numFmtId="0" fontId="2" fillId="0" borderId="0" xfId="0" applyFont="1" applyFill="1" applyBorder="1" applyAlignment="1">
      <alignment wrapText="1"/>
    </xf>
    <xf numFmtId="49" fontId="18" fillId="0" borderId="51" xfId="0" applyNumberFormat="1" applyFont="1" applyFill="1" applyBorder="1" applyAlignment="1">
      <alignment horizontal="center" vertical="center" wrapText="1"/>
    </xf>
    <xf numFmtId="0" fontId="4" fillId="0" borderId="28" xfId="0" applyFont="1" applyFill="1" applyBorder="1" applyAlignment="1">
      <alignment horizontal="left" vertical="center" wrapText="1"/>
    </xf>
    <xf numFmtId="49" fontId="4" fillId="0" borderId="15" xfId="0" applyNumberFormat="1" applyFont="1" applyBorder="1" applyAlignment="1">
      <alignment vertical="center" wrapText="1"/>
    </xf>
    <xf numFmtId="0" fontId="3" fillId="0" borderId="28" xfId="0" applyFont="1" applyBorder="1" applyAlignment="1">
      <alignment vertical="center" wrapText="1"/>
    </xf>
    <xf numFmtId="49" fontId="18" fillId="0" borderId="51" xfId="0" applyNumberFormat="1" applyFont="1" applyBorder="1" applyAlignment="1">
      <alignment horizontal="center" vertical="center"/>
    </xf>
    <xf numFmtId="0" fontId="17" fillId="0" borderId="45" xfId="0" applyFont="1" applyFill="1" applyBorder="1" applyAlignment="1">
      <alignment horizontal="center" vertical="center" wrapText="1"/>
    </xf>
    <xf numFmtId="0" fontId="2" fillId="0" borderId="6" xfId="0" applyFont="1" applyBorder="1" applyAlignment="1">
      <alignment vertical="center" wrapText="1"/>
    </xf>
    <xf numFmtId="0" fontId="2" fillId="0" borderId="6" xfId="0" applyFont="1" applyBorder="1" applyAlignment="1">
      <alignment vertical="center"/>
    </xf>
    <xf numFmtId="0" fontId="24" fillId="0" borderId="53" xfId="0" applyFont="1" applyBorder="1" applyAlignment="1">
      <alignment vertical="center" wrapText="1"/>
    </xf>
    <xf numFmtId="0" fontId="24" fillId="0" borderId="6" xfId="0" applyFont="1" applyBorder="1" applyAlignment="1">
      <alignment vertical="center" wrapText="1"/>
    </xf>
    <xf numFmtId="0" fontId="24" fillId="0" borderId="74" xfId="0" applyFont="1" applyBorder="1" applyAlignment="1">
      <alignment vertical="center" wrapText="1"/>
    </xf>
    <xf numFmtId="0" fontId="24" fillId="0" borderId="52" xfId="0" applyFont="1" applyFill="1" applyBorder="1" applyAlignment="1">
      <alignment vertical="center" wrapText="1"/>
    </xf>
    <xf numFmtId="0" fontId="4" fillId="0" borderId="0" xfId="0" applyNumberFormat="1" applyFont="1" applyAlignment="1">
      <alignment horizontal="left" vertical="top" wrapText="1"/>
    </xf>
    <xf numFmtId="0" fontId="4"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12"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2" fillId="0" borderId="13" xfId="0" applyFont="1" applyFill="1" applyBorder="1" applyAlignment="1">
      <alignment horizontal="center" vertical="center" wrapText="1"/>
    </xf>
    <xf numFmtId="0" fontId="22" fillId="6" borderId="45" xfId="0" applyFont="1" applyFill="1" applyBorder="1" applyAlignment="1">
      <alignment horizontal="center" vertical="center" wrapText="1"/>
    </xf>
    <xf numFmtId="0" fontId="22" fillId="6" borderId="29" xfId="0" applyFont="1" applyFill="1" applyBorder="1" applyAlignment="1">
      <alignment horizontal="center" vertical="center" wrapText="1"/>
    </xf>
    <xf numFmtId="0" fontId="2" fillId="0" borderId="0" xfId="0" applyFont="1" applyBorder="1" applyAlignment="1">
      <alignment vertical="center"/>
    </xf>
    <xf numFmtId="49" fontId="19" fillId="0" borderId="51" xfId="0" applyNumberFormat="1" applyFont="1" applyBorder="1" applyAlignment="1">
      <alignment horizontal="center" vertical="center"/>
    </xf>
    <xf numFmtId="0" fontId="11"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3" borderId="18" xfId="0" applyFont="1" applyFill="1" applyBorder="1" applyAlignment="1">
      <alignment horizontal="left" vertical="top" wrapText="1"/>
    </xf>
    <xf numFmtId="0" fontId="2" fillId="3" borderId="61"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0" xfId="0" applyFont="1" applyFill="1" applyAlignment="1">
      <alignment horizontal="left" wrapText="1"/>
    </xf>
    <xf numFmtId="0" fontId="2" fillId="0" borderId="15" xfId="0" applyFont="1" applyFill="1" applyBorder="1" applyAlignment="1">
      <alignment horizontal="left" vertical="center" wrapText="1"/>
    </xf>
    <xf numFmtId="0" fontId="2" fillId="0" borderId="13"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44"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xf>
    <xf numFmtId="0" fontId="21" fillId="7" borderId="55" xfId="0" applyFont="1" applyFill="1" applyBorder="1" applyAlignment="1">
      <alignment horizontal="left" vertical="center" wrapText="1"/>
    </xf>
    <xf numFmtId="0" fontId="21" fillId="7" borderId="56" xfId="0" applyFont="1" applyFill="1" applyBorder="1" applyAlignment="1">
      <alignment horizontal="left" vertical="center" wrapText="1"/>
    </xf>
    <xf numFmtId="0" fontId="21" fillId="7" borderId="57" xfId="0" applyFont="1" applyFill="1" applyBorder="1" applyAlignment="1">
      <alignment horizontal="left" vertical="center" wrapText="1"/>
    </xf>
    <xf numFmtId="0" fontId="12" fillId="0" borderId="0" xfId="0" applyNumberFormat="1" applyFont="1" applyBorder="1" applyAlignment="1">
      <alignment horizontal="left" vertical="center" wrapText="1"/>
    </xf>
    <xf numFmtId="0" fontId="2" fillId="0" borderId="5"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59" xfId="0" applyFont="1" applyFill="1" applyBorder="1" applyAlignment="1">
      <alignment horizontal="left" vertical="center" wrapText="1"/>
    </xf>
    <xf numFmtId="0" fontId="2" fillId="0" borderId="71" xfId="0" applyFont="1" applyFill="1" applyBorder="1" applyAlignment="1">
      <alignment horizontal="left" vertical="center" wrapText="1"/>
    </xf>
    <xf numFmtId="49" fontId="2" fillId="2" borderId="21"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13" fillId="0" borderId="7" xfId="0" applyFont="1" applyBorder="1" applyAlignment="1">
      <alignment horizontal="center"/>
    </xf>
    <xf numFmtId="0" fontId="7" fillId="0" borderId="0" xfId="0" applyNumberFormat="1" applyFont="1" applyBorder="1" applyAlignment="1">
      <alignment horizontal="left" vertical="center" wrapText="1"/>
    </xf>
    <xf numFmtId="0" fontId="12" fillId="0" borderId="0" xfId="5" applyFont="1" applyAlignment="1">
      <alignment horizontal="center" vertical="center" wrapText="1"/>
    </xf>
    <xf numFmtId="0" fontId="7" fillId="0" borderId="0" xfId="5" applyFont="1" applyAlignment="1">
      <alignment horizontal="center" vertical="top" wrapText="1"/>
    </xf>
    <xf numFmtId="0" fontId="10" fillId="0" borderId="15" xfId="0" applyFont="1" applyFill="1" applyBorder="1" applyAlignment="1">
      <alignment horizontal="left" vertical="center" wrapText="1"/>
    </xf>
    <xf numFmtId="0" fontId="10" fillId="0" borderId="13"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21"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32" xfId="0" applyFont="1" applyFill="1" applyBorder="1" applyAlignment="1">
      <alignment horizontal="left"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3" fillId="4" borderId="54" xfId="0" applyFont="1" applyFill="1" applyBorder="1" applyAlignment="1">
      <alignment horizontal="center" vertical="center" wrapText="1"/>
    </xf>
    <xf numFmtId="0" fontId="3" fillId="4" borderId="70" xfId="0" applyFont="1" applyFill="1" applyBorder="1" applyAlignment="1">
      <alignment horizontal="center" vertical="center" wrapText="1"/>
    </xf>
    <xf numFmtId="0" fontId="4" fillId="6" borderId="46" xfId="0" applyFont="1" applyFill="1" applyBorder="1" applyAlignment="1">
      <alignment horizontal="left" vertical="center" wrapText="1"/>
    </xf>
    <xf numFmtId="0" fontId="4" fillId="6" borderId="53" xfId="0" applyFont="1" applyFill="1" applyBorder="1" applyAlignment="1">
      <alignment horizontal="left" vertical="center" wrapText="1"/>
    </xf>
    <xf numFmtId="0" fontId="4" fillId="0" borderId="59" xfId="0" applyFont="1" applyFill="1" applyBorder="1" applyAlignment="1">
      <alignment horizontal="left" vertical="center" wrapText="1"/>
    </xf>
    <xf numFmtId="0" fontId="4" fillId="0" borderId="52" xfId="0" applyFont="1" applyFill="1" applyBorder="1" applyAlignment="1">
      <alignment horizontal="left" vertical="center" wrapText="1"/>
    </xf>
    <xf numFmtId="0" fontId="4" fillId="0" borderId="46" xfId="0" applyFont="1" applyFill="1" applyBorder="1" applyAlignment="1">
      <alignment horizontal="left" vertical="center" wrapText="1"/>
    </xf>
    <xf numFmtId="0" fontId="4" fillId="0" borderId="53"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2" fillId="5" borderId="0" xfId="0" applyFont="1" applyFill="1" applyAlignment="1">
      <alignment horizontal="left" vertical="center" wrapText="1"/>
    </xf>
    <xf numFmtId="49" fontId="2" fillId="0" borderId="15" xfId="0" applyNumberFormat="1" applyFont="1" applyBorder="1" applyAlignment="1">
      <alignment horizontal="left" vertical="center" wrapText="1"/>
    </xf>
    <xf numFmtId="49" fontId="2" fillId="0" borderId="13" xfId="0" applyNumberFormat="1" applyFont="1" applyBorder="1" applyAlignment="1">
      <alignment horizontal="left" vertical="center" wrapText="1"/>
    </xf>
    <xf numFmtId="49" fontId="2" fillId="0" borderId="28"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49" fontId="2" fillId="0" borderId="15" xfId="0" applyNumberFormat="1" applyFont="1" applyBorder="1" applyAlignment="1">
      <alignment horizontal="center" vertical="center" wrapText="1"/>
    </xf>
    <xf numFmtId="49" fontId="2" fillId="0" borderId="13" xfId="0" applyNumberFormat="1" applyFont="1" applyBorder="1" applyAlignment="1">
      <alignment horizontal="center" vertical="center" wrapText="1"/>
    </xf>
    <xf numFmtId="49" fontId="2" fillId="0" borderId="5" xfId="0" applyNumberFormat="1" applyFont="1" applyBorder="1" applyAlignment="1">
      <alignment vertical="center" wrapText="1"/>
    </xf>
    <xf numFmtId="49" fontId="2" fillId="0" borderId="24" xfId="0" applyNumberFormat="1" applyFont="1" applyBorder="1" applyAlignment="1">
      <alignment vertical="center" wrapText="1"/>
    </xf>
    <xf numFmtId="49" fontId="2" fillId="0" borderId="5" xfId="0" applyNumberFormat="1" applyFont="1" applyBorder="1" applyAlignment="1">
      <alignment horizontal="center" vertical="center" wrapText="1"/>
    </xf>
    <xf numFmtId="49" fontId="2" fillId="0" borderId="24" xfId="0" applyNumberFormat="1" applyFont="1" applyBorder="1" applyAlignment="1">
      <alignment horizontal="center" vertical="center" wrapText="1"/>
    </xf>
    <xf numFmtId="49" fontId="20" fillId="5" borderId="67" xfId="0" applyNumberFormat="1" applyFont="1" applyFill="1" applyBorder="1" applyAlignment="1">
      <alignment horizontal="left" vertical="center" wrapText="1"/>
    </xf>
    <xf numFmtId="49" fontId="20" fillId="5" borderId="68" xfId="0" applyNumberFormat="1" applyFont="1" applyFill="1" applyBorder="1" applyAlignment="1">
      <alignment horizontal="left" vertical="center" wrapText="1"/>
    </xf>
    <xf numFmtId="49" fontId="20" fillId="5" borderId="69" xfId="0" applyNumberFormat="1" applyFont="1" applyFill="1" applyBorder="1" applyAlignment="1">
      <alignment horizontal="left" vertical="center" wrapText="1"/>
    </xf>
    <xf numFmtId="49" fontId="5" fillId="0" borderId="37" xfId="0" applyNumberFormat="1" applyFont="1" applyFill="1" applyBorder="1" applyAlignment="1">
      <alignment horizontal="left" vertical="center" wrapText="1"/>
    </xf>
    <xf numFmtId="49" fontId="5" fillId="0" borderId="44" xfId="0" applyNumberFormat="1" applyFont="1" applyFill="1" applyBorder="1" applyAlignment="1">
      <alignment horizontal="left" vertical="center" wrapText="1"/>
    </xf>
    <xf numFmtId="49" fontId="5" fillId="0" borderId="45" xfId="0" applyNumberFormat="1" applyFont="1" applyFill="1" applyBorder="1" applyAlignment="1">
      <alignment horizontal="left" vertical="center" wrapText="1"/>
    </xf>
    <xf numFmtId="49" fontId="23" fillId="0" borderId="72" xfId="0" applyNumberFormat="1" applyFont="1" applyBorder="1" applyAlignment="1">
      <alignment horizontal="left" vertical="center"/>
    </xf>
    <xf numFmtId="49" fontId="23" fillId="0" borderId="73" xfId="0" applyNumberFormat="1" applyFont="1" applyBorder="1" applyAlignment="1">
      <alignment horizontal="left" vertical="center"/>
    </xf>
    <xf numFmtId="49" fontId="23" fillId="0" borderId="24" xfId="0" applyNumberFormat="1" applyFont="1" applyBorder="1" applyAlignment="1">
      <alignment horizontal="left" vertical="center"/>
    </xf>
    <xf numFmtId="49" fontId="2" fillId="0" borderId="15" xfId="0" applyNumberFormat="1" applyFont="1" applyBorder="1" applyAlignment="1">
      <alignment vertical="center" wrapText="1"/>
    </xf>
    <xf numFmtId="49" fontId="2" fillId="0" borderId="13" xfId="0" applyNumberFormat="1" applyFont="1" applyBorder="1" applyAlignment="1">
      <alignment vertical="center" wrapText="1"/>
    </xf>
    <xf numFmtId="49" fontId="21" fillId="0" borderId="11" xfId="0" applyNumberFormat="1" applyFont="1" applyBorder="1" applyAlignment="1">
      <alignment horizontal="left" vertical="center"/>
    </xf>
    <xf numFmtId="49" fontId="21" fillId="0" borderId="15" xfId="0" applyNumberFormat="1" applyFont="1" applyBorder="1" applyAlignment="1">
      <alignment horizontal="left" vertical="center"/>
    </xf>
    <xf numFmtId="49" fontId="21" fillId="0" borderId="13" xfId="0" applyNumberFormat="1" applyFont="1" applyBorder="1" applyAlignment="1">
      <alignment horizontal="left" vertical="center"/>
    </xf>
    <xf numFmtId="49" fontId="23" fillId="0" borderId="11" xfId="0" applyNumberFormat="1" applyFont="1" applyFill="1" applyBorder="1" applyAlignment="1">
      <alignment horizontal="left" vertical="center" wrapText="1"/>
    </xf>
    <xf numFmtId="49" fontId="23" fillId="0" borderId="15" xfId="0" applyNumberFormat="1" applyFont="1" applyFill="1" applyBorder="1" applyAlignment="1">
      <alignment horizontal="left" vertical="center" wrapText="1"/>
    </xf>
    <xf numFmtId="49" fontId="23" fillId="0" borderId="13" xfId="0" applyNumberFormat="1" applyFont="1" applyFill="1" applyBorder="1" applyAlignment="1">
      <alignment horizontal="left" vertical="center" wrapText="1"/>
    </xf>
    <xf numFmtId="49" fontId="3" fillId="2" borderId="54"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49" fontId="2" fillId="2" borderId="65" xfId="0" applyNumberFormat="1" applyFont="1" applyFill="1" applyBorder="1" applyAlignment="1">
      <alignment horizontal="center" vertical="center" wrapText="1"/>
    </xf>
    <xf numFmtId="49" fontId="2" fillId="2" borderId="66" xfId="0" applyNumberFormat="1" applyFont="1" applyFill="1" applyBorder="1" applyAlignment="1">
      <alignment horizontal="center" vertical="center" wrapText="1"/>
    </xf>
    <xf numFmtId="49" fontId="21" fillId="7" borderId="67" xfId="0" applyNumberFormat="1" applyFont="1" applyFill="1" applyBorder="1" applyAlignment="1">
      <alignment horizontal="left" vertical="center" wrapText="1"/>
    </xf>
    <xf numFmtId="49" fontId="21" fillId="7" borderId="68" xfId="0" applyNumberFormat="1" applyFont="1" applyFill="1" applyBorder="1" applyAlignment="1">
      <alignment horizontal="left" vertical="center" wrapText="1"/>
    </xf>
    <xf numFmtId="49" fontId="21" fillId="7" borderId="69" xfId="0" applyNumberFormat="1" applyFont="1" applyFill="1" applyBorder="1" applyAlignment="1">
      <alignment horizontal="left" vertical="center" wrapText="1"/>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3" fillId="0" borderId="37" xfId="0" applyNumberFormat="1" applyFont="1" applyBorder="1" applyAlignment="1">
      <alignment horizontal="left" vertical="center"/>
    </xf>
    <xf numFmtId="49" fontId="3" fillId="0" borderId="44" xfId="0" applyNumberFormat="1" applyFont="1" applyBorder="1" applyAlignment="1">
      <alignment horizontal="left" vertical="center"/>
    </xf>
    <xf numFmtId="49" fontId="3" fillId="0" borderId="45" xfId="0" applyNumberFormat="1" applyFont="1" applyBorder="1" applyAlignment="1">
      <alignment horizontal="left" vertical="center"/>
    </xf>
    <xf numFmtId="49" fontId="2" fillId="0" borderId="50" xfId="0" applyNumberFormat="1" applyFont="1" applyBorder="1" applyAlignment="1">
      <alignment vertical="center" wrapText="1"/>
    </xf>
    <xf numFmtId="49" fontId="2" fillId="0" borderId="58" xfId="0" applyNumberFormat="1" applyFont="1" applyBorder="1" applyAlignment="1">
      <alignment vertical="center" wrapText="1"/>
    </xf>
    <xf numFmtId="49" fontId="20" fillId="5" borderId="67" xfId="0" applyNumberFormat="1" applyFont="1" applyFill="1" applyBorder="1" applyAlignment="1">
      <alignment horizontal="left" vertical="center"/>
    </xf>
    <xf numFmtId="49" fontId="20" fillId="5" borderId="68" xfId="0" applyNumberFormat="1" applyFont="1" applyFill="1" applyBorder="1" applyAlignment="1">
      <alignment horizontal="left" vertical="center"/>
    </xf>
    <xf numFmtId="49" fontId="20" fillId="5" borderId="69" xfId="0" applyNumberFormat="1" applyFont="1" applyFill="1" applyBorder="1" applyAlignment="1">
      <alignment horizontal="left" vertical="center"/>
    </xf>
    <xf numFmtId="49" fontId="21" fillId="7" borderId="55" xfId="0" applyNumberFormat="1" applyFont="1" applyFill="1" applyBorder="1" applyAlignment="1">
      <alignment horizontal="left" vertical="center"/>
    </xf>
    <xf numFmtId="49" fontId="21" fillId="7" borderId="56" xfId="0" applyNumberFormat="1" applyFont="1" applyFill="1" applyBorder="1" applyAlignment="1">
      <alignment horizontal="left" vertical="center"/>
    </xf>
    <xf numFmtId="49" fontId="21" fillId="7" borderId="57" xfId="0" applyNumberFormat="1" applyFont="1" applyFill="1" applyBorder="1" applyAlignment="1">
      <alignment horizontal="left" vertical="center"/>
    </xf>
    <xf numFmtId="49" fontId="20" fillId="5" borderId="55" xfId="0" applyNumberFormat="1" applyFont="1" applyFill="1" applyBorder="1" applyAlignment="1">
      <alignment horizontal="left" vertical="center"/>
    </xf>
    <xf numFmtId="49" fontId="20" fillId="5" borderId="56" xfId="0" applyNumberFormat="1" applyFont="1" applyFill="1" applyBorder="1" applyAlignment="1">
      <alignment horizontal="left" vertical="center"/>
    </xf>
    <xf numFmtId="49" fontId="20" fillId="5" borderId="57" xfId="0" applyNumberFormat="1" applyFont="1" applyFill="1" applyBorder="1" applyAlignment="1">
      <alignment horizontal="left" vertical="center"/>
    </xf>
    <xf numFmtId="0" fontId="29" fillId="0" borderId="0" xfId="0" applyFont="1" applyFill="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6</xdr:row>
          <xdr:rowOff>28575</xdr:rowOff>
        </xdr:from>
        <xdr:to>
          <xdr:col>0</xdr:col>
          <xdr:colOff>533400</xdr:colOff>
          <xdr:row>27</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7</xdr:row>
          <xdr:rowOff>28575</xdr:rowOff>
        </xdr:from>
        <xdr:to>
          <xdr:col>0</xdr:col>
          <xdr:colOff>542925</xdr:colOff>
          <xdr:row>28</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8</xdr:row>
          <xdr:rowOff>38100</xdr:rowOff>
        </xdr:from>
        <xdr:to>
          <xdr:col>0</xdr:col>
          <xdr:colOff>533400</xdr:colOff>
          <xdr:row>39</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9</xdr:row>
          <xdr:rowOff>0</xdr:rowOff>
        </xdr:from>
        <xdr:to>
          <xdr:col>0</xdr:col>
          <xdr:colOff>523875</xdr:colOff>
          <xdr:row>39</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37"/>
  <sheetViews>
    <sheetView showGridLines="0" tabSelected="1" topLeftCell="A4"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7" customWidth="1"/>
    <col min="4" max="4" width="13.7109375" style="7"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65" t="s">
        <v>49</v>
      </c>
      <c r="B1" s="165"/>
      <c r="C1" s="165"/>
      <c r="D1" s="165"/>
      <c r="E1" s="165"/>
    </row>
    <row r="2" spans="1:5" ht="27.75" customHeight="1" x14ac:dyDescent="0.2">
      <c r="A2" s="164" t="s">
        <v>47</v>
      </c>
      <c r="B2" s="164"/>
      <c r="C2" s="164"/>
      <c r="D2" s="164"/>
      <c r="E2" s="164"/>
    </row>
    <row r="3" spans="1:5" ht="56.1" customHeight="1" x14ac:dyDescent="0.2">
      <c r="A3" s="144" t="s">
        <v>53</v>
      </c>
      <c r="B3" s="144"/>
      <c r="C3" s="144"/>
      <c r="D3" s="144"/>
      <c r="E3" s="144"/>
    </row>
    <row r="4" spans="1:5" ht="24.95" customHeight="1" x14ac:dyDescent="0.2">
      <c r="A4" s="42" t="s">
        <v>52</v>
      </c>
      <c r="B4" s="52"/>
      <c r="C4" s="36"/>
      <c r="D4" s="36"/>
      <c r="E4" s="36"/>
    </row>
    <row r="5" spans="1:5" ht="24.95" customHeight="1" x14ac:dyDescent="0.2">
      <c r="A5" s="42" t="s">
        <v>50</v>
      </c>
      <c r="B5" s="53"/>
      <c r="C5" s="36"/>
      <c r="D5" s="36"/>
      <c r="E5" s="36"/>
    </row>
    <row r="6" spans="1:5" ht="5.0999999999999996" customHeight="1" x14ac:dyDescent="0.2">
      <c r="A6" s="36"/>
      <c r="B6" s="36"/>
      <c r="C6" s="36"/>
      <c r="D6" s="36"/>
      <c r="E6" s="36"/>
    </row>
    <row r="7" spans="1:5" s="2" customFormat="1" ht="20.100000000000001" customHeight="1" x14ac:dyDescent="0.25">
      <c r="A7" s="145" t="s">
        <v>4</v>
      </c>
      <c r="B7" s="145"/>
      <c r="C7" s="145"/>
      <c r="D7" s="145"/>
      <c r="E7" s="145"/>
    </row>
    <row r="8" spans="1:5" s="2" customFormat="1" ht="20.100000000000001" customHeight="1" x14ac:dyDescent="0.25">
      <c r="A8" s="146" t="s">
        <v>8</v>
      </c>
      <c r="B8" s="146"/>
      <c r="C8" s="146"/>
      <c r="D8" s="146"/>
      <c r="E8" s="146"/>
    </row>
    <row r="9" spans="1:5" ht="24.95" customHeight="1" x14ac:dyDescent="0.2">
      <c r="A9" s="147" t="s">
        <v>319</v>
      </c>
      <c r="B9" s="147"/>
      <c r="C9" s="147"/>
      <c r="D9" s="147"/>
      <c r="E9" s="147"/>
    </row>
    <row r="10" spans="1:5" ht="4.5" customHeight="1" x14ac:dyDescent="0.2">
      <c r="A10" s="38"/>
      <c r="B10" s="38"/>
      <c r="C10" s="38"/>
      <c r="D10" s="38"/>
      <c r="E10" s="38"/>
    </row>
    <row r="11" spans="1:5" s="2" customFormat="1" ht="20.100000000000001" customHeight="1" x14ac:dyDescent="0.25">
      <c r="A11" s="148" t="s">
        <v>9</v>
      </c>
      <c r="B11" s="148"/>
      <c r="C11" s="148"/>
      <c r="D11" s="148"/>
      <c r="E11" s="148"/>
    </row>
    <row r="12" spans="1:5" s="2" customFormat="1" ht="24.95" customHeight="1" x14ac:dyDescent="0.2">
      <c r="A12" s="149" t="s">
        <v>106</v>
      </c>
      <c r="B12" s="149"/>
      <c r="C12" s="149"/>
      <c r="D12" s="16"/>
      <c r="E12" s="16"/>
    </row>
    <row r="13" spans="1:5" s="2" customFormat="1" ht="24.95" customHeight="1" x14ac:dyDescent="0.2">
      <c r="A13" s="149" t="s">
        <v>200</v>
      </c>
      <c r="B13" s="149"/>
      <c r="C13" s="87"/>
      <c r="D13" s="16"/>
      <c r="E13" s="16"/>
    </row>
    <row r="14" spans="1:5" s="2" customFormat="1" ht="24.95" customHeight="1" x14ac:dyDescent="0.2">
      <c r="A14" s="149" t="s">
        <v>107</v>
      </c>
      <c r="B14" s="149"/>
      <c r="C14" s="58"/>
      <c r="D14" s="16"/>
      <c r="E14" s="16"/>
    </row>
    <row r="15" spans="1:5" s="2" customFormat="1" ht="24.95" customHeight="1" x14ac:dyDescent="0.2">
      <c r="A15" s="149" t="s">
        <v>108</v>
      </c>
      <c r="B15" s="149"/>
      <c r="C15" s="58"/>
      <c r="D15" s="16"/>
      <c r="E15" s="16"/>
    </row>
    <row r="16" spans="1:5" s="3" customFormat="1" ht="20.100000000000001" customHeight="1" x14ac:dyDescent="0.25">
      <c r="A16" s="149" t="s">
        <v>24</v>
      </c>
      <c r="B16" s="149"/>
      <c r="C16" s="149"/>
      <c r="D16" s="18"/>
      <c r="E16" s="19"/>
    </row>
    <row r="17" spans="1:5" ht="4.5" customHeight="1" x14ac:dyDescent="0.2">
      <c r="A17" s="38"/>
      <c r="B17" s="38"/>
      <c r="C17" s="38"/>
      <c r="D17" s="38"/>
      <c r="E17" s="38"/>
    </row>
    <row r="18" spans="1:5" x14ac:dyDescent="0.2">
      <c r="A18" s="37" t="s">
        <v>10</v>
      </c>
      <c r="B18" s="20"/>
      <c r="C18" s="20"/>
      <c r="D18" s="21"/>
      <c r="E18" s="21"/>
    </row>
    <row r="19" spans="1:5" s="3" customFormat="1" ht="24.95" customHeight="1" x14ac:dyDescent="0.25">
      <c r="A19" s="155" t="s">
        <v>57</v>
      </c>
      <c r="B19" s="155"/>
      <c r="C19" s="155"/>
      <c r="D19" s="18"/>
      <c r="E19" s="19"/>
    </row>
    <row r="20" spans="1:5" ht="5.0999999999999996" customHeight="1" x14ac:dyDescent="0.2">
      <c r="A20" s="156"/>
      <c r="B20" s="156"/>
      <c r="C20" s="156"/>
      <c r="E20" s="17"/>
    </row>
    <row r="21" spans="1:5" s="2" customFormat="1" ht="20.100000000000001" customHeight="1" x14ac:dyDescent="0.25">
      <c r="A21" s="145" t="s">
        <v>21</v>
      </c>
      <c r="B21" s="145"/>
      <c r="C21" s="145"/>
      <c r="D21" s="145"/>
      <c r="E21" s="145"/>
    </row>
    <row r="22" spans="1:5" ht="24.95" customHeight="1" x14ac:dyDescent="0.2">
      <c r="A22" s="149" t="s">
        <v>161</v>
      </c>
      <c r="B22" s="149"/>
      <c r="C22" s="149"/>
      <c r="D22" s="149"/>
      <c r="E22" s="149"/>
    </row>
    <row r="23" spans="1:5" ht="5.0999999999999996" customHeight="1" x14ac:dyDescent="0.2">
      <c r="A23" s="157"/>
      <c r="B23" s="157"/>
      <c r="C23" s="157"/>
      <c r="E23" s="17"/>
    </row>
    <row r="24" spans="1:5" s="2" customFormat="1" ht="20.100000000000001" customHeight="1" x14ac:dyDescent="0.25">
      <c r="A24" s="145" t="s">
        <v>22</v>
      </c>
      <c r="B24" s="145"/>
      <c r="C24" s="145"/>
      <c r="D24" s="145"/>
      <c r="E24" s="145"/>
    </row>
    <row r="25" spans="1:5" s="8" customFormat="1" ht="20.100000000000001" customHeight="1" x14ac:dyDescent="0.25">
      <c r="A25" s="150" t="s">
        <v>5</v>
      </c>
      <c r="B25" s="150"/>
      <c r="C25" s="150"/>
      <c r="D25" s="150"/>
      <c r="E25" s="150"/>
    </row>
    <row r="26" spans="1:5" s="8" customFormat="1" ht="20.100000000000001" customHeight="1" x14ac:dyDescent="0.25">
      <c r="A26" s="153" t="s">
        <v>16</v>
      </c>
      <c r="B26" s="154"/>
      <c r="C26" s="15"/>
      <c r="D26" s="15"/>
      <c r="E26" s="15"/>
    </row>
    <row r="27" spans="1:5" s="8" customFormat="1" ht="20.100000000000001" customHeight="1" x14ac:dyDescent="0.25">
      <c r="A27" s="14"/>
      <c r="B27" s="259" t="s">
        <v>19</v>
      </c>
      <c r="C27" s="15"/>
      <c r="D27" s="15"/>
      <c r="E27" s="15"/>
    </row>
    <row r="28" spans="1:5" s="8" customFormat="1" ht="20.100000000000001" customHeight="1" x14ac:dyDescent="0.25">
      <c r="A28" s="14"/>
      <c r="B28" s="14" t="s">
        <v>20</v>
      </c>
      <c r="C28" s="15"/>
      <c r="D28" s="15"/>
      <c r="E28" s="15"/>
    </row>
    <row r="29" spans="1:5" s="8" customFormat="1" ht="20.100000000000001" customHeight="1" thickBot="1" x14ac:dyDescent="0.3">
      <c r="A29" s="153" t="s">
        <v>17</v>
      </c>
      <c r="B29" s="154"/>
      <c r="C29" s="15"/>
      <c r="D29" s="15"/>
      <c r="E29" s="15"/>
    </row>
    <row r="30" spans="1:5" s="8" customFormat="1" ht="31.5" customHeight="1" thickBot="1" x14ac:dyDescent="0.3">
      <c r="A30" s="97" t="s">
        <v>95</v>
      </c>
      <c r="B30" s="151" t="s">
        <v>12</v>
      </c>
      <c r="C30" s="152"/>
      <c r="D30" s="98" t="s">
        <v>11</v>
      </c>
      <c r="E30" s="99" t="s">
        <v>323</v>
      </c>
    </row>
    <row r="31" spans="1:5" s="8" customFormat="1" ht="31.5" customHeight="1" thickBot="1" x14ac:dyDescent="0.3">
      <c r="A31" s="166" t="s">
        <v>318</v>
      </c>
      <c r="B31" s="167"/>
      <c r="C31" s="167"/>
      <c r="D31" s="167"/>
      <c r="E31" s="168"/>
    </row>
    <row r="32" spans="1:5" s="8" customFormat="1" ht="31.5" customHeight="1" x14ac:dyDescent="0.25">
      <c r="A32" s="100" t="s">
        <v>162</v>
      </c>
      <c r="B32" s="204" t="s">
        <v>234</v>
      </c>
      <c r="C32" s="205"/>
      <c r="D32" s="101" t="s">
        <v>1</v>
      </c>
      <c r="E32" s="125" t="s">
        <v>235</v>
      </c>
    </row>
    <row r="33" spans="1:5" s="8" customFormat="1" ht="31.5" customHeight="1" thickBot="1" x14ac:dyDescent="0.3">
      <c r="A33" s="92" t="s">
        <v>163</v>
      </c>
      <c r="B33" s="206" t="s">
        <v>320</v>
      </c>
      <c r="C33" s="207"/>
      <c r="D33" s="91" t="s">
        <v>1</v>
      </c>
      <c r="E33" s="138">
        <v>1</v>
      </c>
    </row>
    <row r="34" spans="1:5" s="8" customFormat="1" ht="31.5" customHeight="1" thickBot="1" x14ac:dyDescent="0.3">
      <c r="A34" s="166" t="s">
        <v>233</v>
      </c>
      <c r="B34" s="167"/>
      <c r="C34" s="167"/>
      <c r="D34" s="167"/>
      <c r="E34" s="168"/>
    </row>
    <row r="35" spans="1:5" s="8" customFormat="1" ht="42" customHeight="1" x14ac:dyDescent="0.25">
      <c r="A35" s="95" t="s">
        <v>162</v>
      </c>
      <c r="B35" s="200" t="s">
        <v>109</v>
      </c>
      <c r="C35" s="201"/>
      <c r="D35" s="96" t="s">
        <v>1</v>
      </c>
      <c r="E35" s="139">
        <v>9</v>
      </c>
    </row>
    <row r="36" spans="1:5" s="8" customFormat="1" ht="42" customHeight="1" thickBot="1" x14ac:dyDescent="0.3">
      <c r="A36" s="93" t="s">
        <v>163</v>
      </c>
      <c r="B36" s="202" t="s">
        <v>164</v>
      </c>
      <c r="C36" s="203"/>
      <c r="D36" s="94" t="s">
        <v>1</v>
      </c>
      <c r="E36" s="140">
        <v>9</v>
      </c>
    </row>
    <row r="37" spans="1:5" s="8" customFormat="1" ht="4.5" customHeight="1" x14ac:dyDescent="0.25">
      <c r="A37" s="15"/>
      <c r="B37" s="15"/>
      <c r="C37" s="15"/>
      <c r="D37" s="15"/>
      <c r="E37" s="15"/>
    </row>
    <row r="38" spans="1:5" s="8" customFormat="1" ht="20.100000000000001" customHeight="1" x14ac:dyDescent="0.25">
      <c r="A38" s="153" t="s">
        <v>18</v>
      </c>
      <c r="B38" s="154"/>
      <c r="C38" s="15"/>
      <c r="D38" s="15"/>
      <c r="E38" s="15"/>
    </row>
    <row r="39" spans="1:5" s="8" customFormat="1" ht="20.100000000000001" customHeight="1" x14ac:dyDescent="0.2">
      <c r="A39" s="9"/>
      <c r="B39" s="8" t="s">
        <v>2</v>
      </c>
      <c r="C39" s="15"/>
      <c r="D39" s="15"/>
      <c r="E39" s="15"/>
    </row>
    <row r="40" spans="1:5" s="8" customFormat="1" ht="20.100000000000001" customHeight="1" x14ac:dyDescent="0.25">
      <c r="A40" s="14"/>
      <c r="B40" s="2" t="s">
        <v>3</v>
      </c>
      <c r="C40" s="15"/>
      <c r="D40" s="15"/>
      <c r="E40" s="15"/>
    </row>
    <row r="41" spans="1:5" ht="5.0999999999999996" customHeight="1" x14ac:dyDescent="0.2"/>
    <row r="42" spans="1:5" s="2" customFormat="1" ht="20.100000000000001" customHeight="1" x14ac:dyDescent="0.25">
      <c r="A42" s="145" t="s">
        <v>23</v>
      </c>
      <c r="B42" s="145"/>
      <c r="C42" s="145"/>
      <c r="D42" s="145"/>
      <c r="E42" s="145"/>
    </row>
    <row r="43" spans="1:5" s="2" customFormat="1" ht="30" customHeight="1" x14ac:dyDescent="0.25">
      <c r="A43" s="208" t="s">
        <v>324</v>
      </c>
      <c r="B43" s="208"/>
      <c r="C43" s="208"/>
      <c r="D43" s="208"/>
      <c r="E43" s="208"/>
    </row>
    <row r="44" spans="1:5" s="2" customFormat="1" ht="5.0999999999999996" customHeight="1" x14ac:dyDescent="0.25">
      <c r="A44" s="17"/>
      <c r="C44" s="135"/>
      <c r="D44" s="135"/>
      <c r="E44" s="135"/>
    </row>
    <row r="45" spans="1:5" s="2" customFormat="1" ht="5.0999999999999996" customHeight="1" x14ac:dyDescent="0.25">
      <c r="A45" s="17"/>
      <c r="C45" s="135"/>
      <c r="D45" s="135"/>
      <c r="E45" s="135"/>
    </row>
    <row r="46" spans="1:5" s="3" customFormat="1" ht="4.5" customHeight="1" x14ac:dyDescent="0.25">
      <c r="A46" s="113"/>
      <c r="B46" s="5"/>
      <c r="C46" s="6"/>
      <c r="D46" s="6"/>
      <c r="E46" s="114"/>
    </row>
    <row r="47" spans="1:5" s="2" customFormat="1" ht="20.100000000000001" customHeight="1" x14ac:dyDescent="0.25">
      <c r="A47" s="198" t="s">
        <v>48</v>
      </c>
      <c r="B47" s="197"/>
      <c r="C47" s="197"/>
      <c r="D47" s="197"/>
      <c r="E47" s="199"/>
    </row>
    <row r="48" spans="1:5" s="2" customFormat="1" ht="5.0999999999999996" customHeight="1" thickBot="1" x14ac:dyDescent="0.3">
      <c r="A48" s="115"/>
      <c r="B48" s="116"/>
      <c r="C48" s="117"/>
      <c r="D48" s="117"/>
      <c r="E48" s="118"/>
    </row>
    <row r="49" spans="1:5" s="3" customFormat="1" ht="69" customHeight="1" x14ac:dyDescent="0.25">
      <c r="A49" s="182" t="s">
        <v>7</v>
      </c>
      <c r="B49" s="183"/>
      <c r="C49" s="186" t="s">
        <v>28</v>
      </c>
      <c r="D49" s="187"/>
      <c r="E49" s="188"/>
    </row>
    <row r="50" spans="1:5" s="3" customFormat="1" ht="30" customHeight="1" thickBot="1" x14ac:dyDescent="0.3">
      <c r="A50" s="184"/>
      <c r="B50" s="185"/>
      <c r="C50" s="23" t="s">
        <v>6</v>
      </c>
      <c r="D50" s="174" t="s">
        <v>29</v>
      </c>
      <c r="E50" s="175"/>
    </row>
    <row r="51" spans="1:5" s="2" customFormat="1" ht="26.25" customHeight="1" x14ac:dyDescent="0.25">
      <c r="A51" s="60" t="s">
        <v>14</v>
      </c>
      <c r="B51" s="76" t="s">
        <v>99</v>
      </c>
      <c r="C51" s="44"/>
      <c r="D51" s="160"/>
      <c r="E51" s="161"/>
    </row>
    <row r="52" spans="1:5" s="2" customFormat="1" ht="26.25" customHeight="1" x14ac:dyDescent="0.25">
      <c r="A52" s="61" t="s">
        <v>58</v>
      </c>
      <c r="B52" s="77" t="s">
        <v>130</v>
      </c>
      <c r="C52" s="45" t="s">
        <v>160</v>
      </c>
      <c r="D52" s="158"/>
      <c r="E52" s="159"/>
    </row>
    <row r="53" spans="1:5" s="2" customFormat="1" ht="41.25" customHeight="1" x14ac:dyDescent="0.25">
      <c r="A53" s="62" t="s">
        <v>100</v>
      </c>
      <c r="B53" s="78" t="s">
        <v>131</v>
      </c>
      <c r="C53" s="45"/>
      <c r="D53" s="158"/>
      <c r="E53" s="159"/>
    </row>
    <row r="54" spans="1:5" s="2" customFormat="1" ht="36" customHeight="1" x14ac:dyDescent="0.25">
      <c r="A54" s="63" t="s">
        <v>101</v>
      </c>
      <c r="B54" s="79" t="s">
        <v>132</v>
      </c>
      <c r="C54" s="45"/>
      <c r="D54" s="158"/>
      <c r="E54" s="159"/>
    </row>
    <row r="55" spans="1:5" s="2" customFormat="1" ht="26.25" customHeight="1" x14ac:dyDescent="0.25">
      <c r="A55" s="63" t="s">
        <v>102</v>
      </c>
      <c r="B55" s="78" t="s">
        <v>59</v>
      </c>
      <c r="C55" s="45"/>
      <c r="D55" s="158"/>
      <c r="E55" s="159"/>
    </row>
    <row r="56" spans="1:5" s="2" customFormat="1" ht="54.75" customHeight="1" x14ac:dyDescent="0.25">
      <c r="A56" s="64" t="s">
        <v>103</v>
      </c>
      <c r="B56" s="78" t="s">
        <v>133</v>
      </c>
      <c r="C56" s="45"/>
      <c r="D56" s="158"/>
      <c r="E56" s="159"/>
    </row>
    <row r="57" spans="1:5" s="2" customFormat="1" ht="42.75" customHeight="1" x14ac:dyDescent="0.25">
      <c r="A57" s="64" t="s">
        <v>104</v>
      </c>
      <c r="B57" s="78" t="s">
        <v>134</v>
      </c>
      <c r="C57" s="45"/>
      <c r="D57" s="158"/>
      <c r="E57" s="159"/>
    </row>
    <row r="58" spans="1:5" s="2" customFormat="1" ht="123.75" customHeight="1" x14ac:dyDescent="0.25">
      <c r="A58" s="65" t="s">
        <v>105</v>
      </c>
      <c r="B58" s="80" t="s">
        <v>135</v>
      </c>
      <c r="C58" s="45"/>
      <c r="D58" s="158"/>
      <c r="E58" s="159"/>
    </row>
    <row r="59" spans="1:5" s="2" customFormat="1" ht="35.25" customHeight="1" x14ac:dyDescent="0.25">
      <c r="A59" s="66" t="s">
        <v>60</v>
      </c>
      <c r="B59" s="81" t="s">
        <v>61</v>
      </c>
      <c r="C59" s="45"/>
      <c r="D59" s="158"/>
      <c r="E59" s="159"/>
    </row>
    <row r="60" spans="1:5" s="2" customFormat="1" ht="99" customHeight="1" x14ac:dyDescent="0.25">
      <c r="A60" s="66" t="s">
        <v>62</v>
      </c>
      <c r="B60" s="81" t="s">
        <v>136</v>
      </c>
      <c r="C60" s="45"/>
      <c r="D60" s="158"/>
      <c r="E60" s="159"/>
    </row>
    <row r="61" spans="1:5" s="2" customFormat="1" ht="70.5" customHeight="1" x14ac:dyDescent="0.25">
      <c r="A61" s="66" t="s">
        <v>63</v>
      </c>
      <c r="B61" s="81" t="s">
        <v>137</v>
      </c>
      <c r="C61" s="45"/>
      <c r="D61" s="158"/>
      <c r="E61" s="159"/>
    </row>
    <row r="62" spans="1:5" s="2" customFormat="1" ht="79.5" customHeight="1" x14ac:dyDescent="0.25">
      <c r="A62" s="66" t="s">
        <v>64</v>
      </c>
      <c r="B62" s="81" t="s">
        <v>138</v>
      </c>
      <c r="C62" s="45"/>
      <c r="D62" s="158"/>
      <c r="E62" s="159"/>
    </row>
    <row r="63" spans="1:5" s="2" customFormat="1" ht="56.25" customHeight="1" x14ac:dyDescent="0.25">
      <c r="A63" s="66" t="s">
        <v>65</v>
      </c>
      <c r="B63" s="81" t="s">
        <v>165</v>
      </c>
      <c r="C63" s="45"/>
      <c r="D63" s="158"/>
      <c r="E63" s="159"/>
    </row>
    <row r="64" spans="1:5" s="2" customFormat="1" ht="50.25" customHeight="1" x14ac:dyDescent="0.25">
      <c r="A64" s="66" t="s">
        <v>66</v>
      </c>
      <c r="B64" s="82" t="s">
        <v>166</v>
      </c>
      <c r="C64" s="45"/>
      <c r="D64" s="158"/>
      <c r="E64" s="159"/>
    </row>
    <row r="65" spans="1:5" s="2" customFormat="1" ht="72" customHeight="1" thickBot="1" x14ac:dyDescent="0.3">
      <c r="A65" s="66" t="s">
        <v>67</v>
      </c>
      <c r="B65" s="83" t="s">
        <v>139</v>
      </c>
      <c r="C65" s="46"/>
      <c r="D65" s="158"/>
      <c r="E65" s="159"/>
    </row>
    <row r="66" spans="1:5" s="2" customFormat="1" ht="129" customHeight="1" x14ac:dyDescent="0.25">
      <c r="A66" s="67" t="s">
        <v>93</v>
      </c>
      <c r="B66" s="83" t="s">
        <v>140</v>
      </c>
      <c r="C66" s="56"/>
      <c r="D66" s="162"/>
      <c r="E66" s="163"/>
    </row>
    <row r="67" spans="1:5" s="2" customFormat="1" ht="108" customHeight="1" x14ac:dyDescent="0.25">
      <c r="A67" s="67" t="s">
        <v>69</v>
      </c>
      <c r="B67" s="107" t="s">
        <v>68</v>
      </c>
      <c r="C67" s="45"/>
      <c r="D67" s="158"/>
      <c r="E67" s="159"/>
    </row>
    <row r="68" spans="1:5" s="2" customFormat="1" ht="247.5" customHeight="1" x14ac:dyDescent="0.25">
      <c r="A68" s="67" t="s">
        <v>70</v>
      </c>
      <c r="B68" s="83" t="s">
        <v>141</v>
      </c>
      <c r="C68" s="45"/>
      <c r="D68" s="158"/>
      <c r="E68" s="159"/>
    </row>
    <row r="69" spans="1:5" s="2" customFormat="1" ht="104.25" customHeight="1" x14ac:dyDescent="0.25">
      <c r="A69" s="67" t="s">
        <v>71</v>
      </c>
      <c r="B69" s="81" t="s">
        <v>142</v>
      </c>
      <c r="C69" s="45"/>
      <c r="D69" s="158"/>
      <c r="E69" s="159"/>
    </row>
    <row r="70" spans="1:5" s="2" customFormat="1" ht="95.25" customHeight="1" x14ac:dyDescent="0.25">
      <c r="A70" s="67" t="s">
        <v>76</v>
      </c>
      <c r="B70" s="84" t="s">
        <v>143</v>
      </c>
      <c r="C70" s="45"/>
      <c r="D70" s="158"/>
      <c r="E70" s="159"/>
    </row>
    <row r="71" spans="1:5" s="2" customFormat="1" ht="36.75" customHeight="1" x14ac:dyDescent="0.25">
      <c r="A71" s="63" t="s">
        <v>96</v>
      </c>
      <c r="B71" s="78" t="s">
        <v>72</v>
      </c>
      <c r="C71" s="45"/>
      <c r="D71" s="158"/>
      <c r="E71" s="159"/>
    </row>
    <row r="72" spans="1:5" s="2" customFormat="1" ht="41.25" customHeight="1" x14ac:dyDescent="0.25">
      <c r="A72" s="63" t="s">
        <v>97</v>
      </c>
      <c r="B72" s="78" t="s">
        <v>73</v>
      </c>
      <c r="C72" s="45"/>
      <c r="D72" s="158"/>
      <c r="E72" s="159"/>
    </row>
    <row r="73" spans="1:5" s="2" customFormat="1" ht="58.5" customHeight="1" x14ac:dyDescent="0.25">
      <c r="A73" s="63" t="s">
        <v>98</v>
      </c>
      <c r="B73" s="78" t="s">
        <v>144</v>
      </c>
      <c r="C73" s="45"/>
      <c r="D73" s="158"/>
      <c r="E73" s="159"/>
    </row>
    <row r="74" spans="1:5" s="2" customFormat="1" ht="49.5" customHeight="1" x14ac:dyDescent="0.25">
      <c r="A74" s="63" t="s">
        <v>119</v>
      </c>
      <c r="B74" s="78" t="s">
        <v>74</v>
      </c>
      <c r="C74" s="45"/>
      <c r="D74" s="158"/>
      <c r="E74" s="159"/>
    </row>
    <row r="75" spans="1:5" s="2" customFormat="1" ht="37.5" customHeight="1" x14ac:dyDescent="0.25">
      <c r="A75" s="63" t="s">
        <v>120</v>
      </c>
      <c r="B75" s="78" t="s">
        <v>145</v>
      </c>
      <c r="C75" s="45"/>
      <c r="D75" s="158"/>
      <c r="E75" s="159"/>
    </row>
    <row r="76" spans="1:5" s="2" customFormat="1" ht="62.25" customHeight="1" x14ac:dyDescent="0.25">
      <c r="A76" s="68" t="s">
        <v>121</v>
      </c>
      <c r="B76" s="78" t="s">
        <v>146</v>
      </c>
      <c r="C76" s="45"/>
      <c r="D76" s="158"/>
      <c r="E76" s="159"/>
    </row>
    <row r="77" spans="1:5" s="2" customFormat="1" ht="39" customHeight="1" x14ac:dyDescent="0.25">
      <c r="A77" s="65" t="s">
        <v>122</v>
      </c>
      <c r="B77" s="78" t="s">
        <v>75</v>
      </c>
      <c r="C77" s="45"/>
      <c r="D77" s="158"/>
      <c r="E77" s="159"/>
    </row>
    <row r="78" spans="1:5" s="2" customFormat="1" ht="33" customHeight="1" x14ac:dyDescent="0.25">
      <c r="A78" s="65" t="s">
        <v>123</v>
      </c>
      <c r="B78" s="78" t="s">
        <v>147</v>
      </c>
      <c r="C78" s="45"/>
      <c r="D78" s="158"/>
      <c r="E78" s="159"/>
    </row>
    <row r="79" spans="1:5" s="2" customFormat="1" ht="48" customHeight="1" x14ac:dyDescent="0.25">
      <c r="A79" s="65" t="s">
        <v>124</v>
      </c>
      <c r="B79" s="78" t="s">
        <v>148</v>
      </c>
      <c r="C79" s="45"/>
      <c r="D79" s="158"/>
      <c r="E79" s="159"/>
    </row>
    <row r="80" spans="1:5" s="2" customFormat="1" ht="65.25" customHeight="1" x14ac:dyDescent="0.25">
      <c r="A80" s="69" t="s">
        <v>77</v>
      </c>
      <c r="B80" s="81" t="s">
        <v>149</v>
      </c>
      <c r="C80" s="45"/>
      <c r="D80" s="158"/>
      <c r="E80" s="159"/>
    </row>
    <row r="81" spans="1:6" s="2" customFormat="1" ht="36" customHeight="1" x14ac:dyDescent="0.25">
      <c r="A81" s="70" t="s">
        <v>78</v>
      </c>
      <c r="B81" s="84" t="s">
        <v>80</v>
      </c>
      <c r="C81" s="45"/>
      <c r="D81" s="158"/>
      <c r="E81" s="159"/>
      <c r="F81" s="57"/>
    </row>
    <row r="82" spans="1:6" s="2" customFormat="1" ht="36" customHeight="1" x14ac:dyDescent="0.25">
      <c r="A82" s="71" t="s">
        <v>125</v>
      </c>
      <c r="B82" s="78" t="s">
        <v>150</v>
      </c>
      <c r="C82" s="45"/>
      <c r="D82" s="158"/>
      <c r="E82" s="159"/>
    </row>
    <row r="83" spans="1:6" s="2" customFormat="1" ht="36" customHeight="1" x14ac:dyDescent="0.25">
      <c r="A83" s="72" t="s">
        <v>126</v>
      </c>
      <c r="B83" s="85" t="s">
        <v>151</v>
      </c>
      <c r="C83" s="45"/>
      <c r="D83" s="158"/>
      <c r="E83" s="159"/>
    </row>
    <row r="84" spans="1:6" s="2" customFormat="1" ht="68.25" customHeight="1" x14ac:dyDescent="0.25">
      <c r="A84" s="70" t="s">
        <v>79</v>
      </c>
      <c r="B84" s="84" t="s">
        <v>82</v>
      </c>
      <c r="C84" s="45"/>
      <c r="D84" s="158"/>
      <c r="E84" s="159"/>
    </row>
    <row r="85" spans="1:6" s="2" customFormat="1" ht="59.25" customHeight="1" x14ac:dyDescent="0.25">
      <c r="A85" s="73" t="s">
        <v>127</v>
      </c>
      <c r="B85" s="51" t="s">
        <v>152</v>
      </c>
      <c r="C85" s="45"/>
      <c r="D85" s="158"/>
      <c r="E85" s="159"/>
    </row>
    <row r="86" spans="1:6" s="2" customFormat="1" ht="46.5" customHeight="1" x14ac:dyDescent="0.25">
      <c r="A86" s="72" t="s">
        <v>128</v>
      </c>
      <c r="B86" s="50" t="s">
        <v>153</v>
      </c>
      <c r="C86" s="45"/>
      <c r="D86" s="180"/>
      <c r="E86" s="181"/>
    </row>
    <row r="87" spans="1:6" s="2" customFormat="1" ht="136.5" customHeight="1" x14ac:dyDescent="0.25">
      <c r="A87" s="74" t="s">
        <v>81</v>
      </c>
      <c r="B87" s="81" t="s">
        <v>154</v>
      </c>
      <c r="C87" s="45"/>
      <c r="D87" s="158"/>
      <c r="E87" s="159"/>
    </row>
    <row r="88" spans="1:6" s="2" customFormat="1" ht="45" customHeight="1" x14ac:dyDescent="0.25">
      <c r="A88" s="69" t="s">
        <v>83</v>
      </c>
      <c r="B88" s="81" t="s">
        <v>84</v>
      </c>
      <c r="C88" s="45"/>
      <c r="D88" s="158"/>
      <c r="E88" s="159"/>
    </row>
    <row r="89" spans="1:6" s="2" customFormat="1" ht="61.5" customHeight="1" x14ac:dyDescent="0.25">
      <c r="A89" s="66" t="s">
        <v>85</v>
      </c>
      <c r="B89" s="81" t="s">
        <v>87</v>
      </c>
      <c r="C89" s="45"/>
      <c r="D89" s="158"/>
      <c r="E89" s="159"/>
    </row>
    <row r="90" spans="1:6" s="2" customFormat="1" ht="84.75" customHeight="1" x14ac:dyDescent="0.25">
      <c r="A90" s="66" t="s">
        <v>86</v>
      </c>
      <c r="B90" s="59" t="s">
        <v>155</v>
      </c>
      <c r="C90" s="45"/>
      <c r="D90" s="158"/>
      <c r="E90" s="159"/>
    </row>
    <row r="91" spans="1:6" s="2" customFormat="1" ht="192.75" customHeight="1" x14ac:dyDescent="0.25">
      <c r="A91" s="66" t="s">
        <v>129</v>
      </c>
      <c r="B91" s="86" t="s">
        <v>167</v>
      </c>
      <c r="C91" s="45"/>
      <c r="D91" s="158"/>
      <c r="E91" s="159"/>
    </row>
    <row r="92" spans="1:6" s="2" customFormat="1" ht="99" customHeight="1" x14ac:dyDescent="0.25">
      <c r="A92" s="75" t="s">
        <v>89</v>
      </c>
      <c r="B92" s="59" t="s">
        <v>156</v>
      </c>
      <c r="C92" s="45"/>
      <c r="D92" s="170"/>
      <c r="E92" s="171"/>
    </row>
    <row r="93" spans="1:6" s="2" customFormat="1" ht="105" customHeight="1" x14ac:dyDescent="0.25">
      <c r="A93" s="66" t="s">
        <v>90</v>
      </c>
      <c r="B93" s="59" t="s">
        <v>157</v>
      </c>
      <c r="C93" s="45"/>
      <c r="D93" s="170"/>
      <c r="E93" s="171"/>
    </row>
    <row r="94" spans="1:6" s="2" customFormat="1" ht="45" customHeight="1" x14ac:dyDescent="0.2">
      <c r="A94" s="66" t="s">
        <v>91</v>
      </c>
      <c r="B94" s="119" t="s">
        <v>158</v>
      </c>
      <c r="C94" s="45"/>
      <c r="D94" s="170"/>
      <c r="E94" s="171"/>
    </row>
    <row r="95" spans="1:6" s="2" customFormat="1" ht="45" customHeight="1" thickBot="1" x14ac:dyDescent="0.3">
      <c r="A95" s="120" t="s">
        <v>94</v>
      </c>
      <c r="B95" s="121" t="s">
        <v>159</v>
      </c>
      <c r="C95" s="46"/>
      <c r="D95" s="172"/>
      <c r="E95" s="173"/>
    </row>
    <row r="96" spans="1:6" s="3" customFormat="1" ht="26.25" customHeight="1" x14ac:dyDescent="0.25">
      <c r="A96" s="5"/>
      <c r="B96" s="5"/>
      <c r="C96" s="6"/>
      <c r="D96" s="6"/>
      <c r="E96" s="25"/>
    </row>
    <row r="97" spans="1:6" s="2" customFormat="1" ht="20.100000000000001" customHeight="1" x14ac:dyDescent="0.25">
      <c r="A97" s="197" t="s">
        <v>54</v>
      </c>
      <c r="B97" s="197"/>
      <c r="C97" s="197"/>
      <c r="D97" s="197"/>
      <c r="E97" s="197"/>
      <c r="F97" s="143"/>
    </row>
    <row r="98" spans="1:6" s="2" customFormat="1" ht="4.5" customHeight="1" thickBot="1" x14ac:dyDescent="0.3">
      <c r="F98" s="143"/>
    </row>
    <row r="99" spans="1:6" s="2" customFormat="1" ht="80.25" customHeight="1" x14ac:dyDescent="0.25">
      <c r="A99" s="182" t="s">
        <v>92</v>
      </c>
      <c r="B99" s="183"/>
      <c r="C99" s="186" t="s">
        <v>55</v>
      </c>
      <c r="D99" s="187"/>
      <c r="E99" s="188"/>
      <c r="F99" s="143"/>
    </row>
    <row r="100" spans="1:6" s="3" customFormat="1" ht="29.25" customHeight="1" thickBot="1" x14ac:dyDescent="0.3">
      <c r="A100" s="184"/>
      <c r="B100" s="185"/>
      <c r="C100" s="23" t="s">
        <v>6</v>
      </c>
      <c r="D100" s="174" t="s">
        <v>29</v>
      </c>
      <c r="E100" s="175"/>
      <c r="F100" s="143"/>
    </row>
    <row r="101" spans="1:6" s="3" customFormat="1" ht="60.75" customHeight="1" x14ac:dyDescent="0.25">
      <c r="A101" s="43" t="s">
        <v>30</v>
      </c>
      <c r="B101" s="88" t="s">
        <v>169</v>
      </c>
      <c r="C101" s="41"/>
      <c r="D101" s="191"/>
      <c r="E101" s="192"/>
      <c r="F101" s="143"/>
    </row>
    <row r="102" spans="1:6" s="3" customFormat="1" ht="73.5" customHeight="1" x14ac:dyDescent="0.25">
      <c r="A102" s="12" t="s">
        <v>31</v>
      </c>
      <c r="B102" s="48" t="s">
        <v>168</v>
      </c>
      <c r="C102" s="39"/>
      <c r="D102" s="193"/>
      <c r="E102" s="194"/>
      <c r="F102" s="143"/>
    </row>
    <row r="103" spans="1:6" s="2" customFormat="1" ht="40.5" customHeight="1" thickBot="1" x14ac:dyDescent="0.3">
      <c r="A103" s="13" t="s">
        <v>32</v>
      </c>
      <c r="B103" s="49" t="s">
        <v>56</v>
      </c>
      <c r="C103" s="40"/>
      <c r="D103" s="189"/>
      <c r="E103" s="190"/>
      <c r="F103" s="143"/>
    </row>
    <row r="104" spans="1:6" s="2" customFormat="1" ht="5.0999999999999996" customHeight="1" x14ac:dyDescent="0.25">
      <c r="A104" s="5"/>
      <c r="B104" s="5"/>
      <c r="C104" s="6"/>
      <c r="D104" s="6"/>
      <c r="E104" s="25"/>
    </row>
    <row r="105" spans="1:6" s="2" customFormat="1" ht="20.100000000000001" customHeight="1" x14ac:dyDescent="0.25">
      <c r="A105" s="145" t="s">
        <v>13</v>
      </c>
      <c r="B105" s="145"/>
      <c r="C105" s="145"/>
      <c r="D105" s="145"/>
      <c r="E105" s="145"/>
    </row>
    <row r="106" spans="1:6" s="3" customFormat="1" ht="30" customHeight="1" x14ac:dyDescent="0.25">
      <c r="A106" s="5" t="s">
        <v>15</v>
      </c>
      <c r="B106" s="195" t="s">
        <v>170</v>
      </c>
      <c r="C106" s="195"/>
      <c r="D106" s="195"/>
      <c r="E106" s="195"/>
    </row>
    <row r="107" spans="1:6" s="27" customFormat="1" ht="30" customHeight="1" x14ac:dyDescent="0.25">
      <c r="A107" s="5" t="s">
        <v>33</v>
      </c>
      <c r="B107" s="195" t="s">
        <v>34</v>
      </c>
      <c r="C107" s="195"/>
      <c r="D107" s="195"/>
      <c r="E107" s="195"/>
    </row>
    <row r="108" spans="1:6" s="27" customFormat="1" ht="30" customHeight="1" x14ac:dyDescent="0.25">
      <c r="A108" s="196" t="s">
        <v>35</v>
      </c>
      <c r="B108" s="196"/>
      <c r="C108" s="196"/>
      <c r="D108" s="196"/>
      <c r="E108" s="3"/>
    </row>
    <row r="109" spans="1:6" s="2" customFormat="1" ht="24" x14ac:dyDescent="0.25">
      <c r="A109" s="26" t="s">
        <v>36</v>
      </c>
      <c r="B109" s="169"/>
      <c r="C109" s="169"/>
      <c r="E109" s="27"/>
    </row>
    <row r="110" spans="1:6" s="2" customFormat="1" ht="24" x14ac:dyDescent="0.25">
      <c r="A110" s="26" t="s">
        <v>37</v>
      </c>
      <c r="B110" s="177"/>
      <c r="C110" s="177"/>
      <c r="E110" s="27"/>
    </row>
    <row r="111" spans="1:6" s="2" customFormat="1" ht="24.95" customHeight="1" x14ac:dyDescent="0.25">
      <c r="A111" s="26" t="s">
        <v>38</v>
      </c>
      <c r="B111" s="177"/>
      <c r="C111" s="177"/>
      <c r="E111" s="27"/>
    </row>
    <row r="112" spans="1:6" s="3" customFormat="1" ht="34.5" customHeight="1" x14ac:dyDescent="0.25">
      <c r="A112" s="26" t="s">
        <v>39</v>
      </c>
      <c r="B112" s="177"/>
      <c r="C112" s="177"/>
      <c r="D112" s="2"/>
      <c r="E112" s="28"/>
    </row>
    <row r="113" spans="1:5" s="2" customFormat="1" ht="46.5" customHeight="1" x14ac:dyDescent="0.2">
      <c r="A113" s="10"/>
      <c r="B113" s="11"/>
      <c r="C113" s="11"/>
      <c r="E113" s="29"/>
    </row>
    <row r="114" spans="1:5" s="3" customFormat="1" ht="15" customHeight="1" x14ac:dyDescent="0.25">
      <c r="A114" s="178" t="s">
        <v>40</v>
      </c>
      <c r="B114" s="178"/>
      <c r="C114" s="178"/>
      <c r="D114" s="178"/>
      <c r="E114" s="178"/>
    </row>
    <row r="115" spans="1:5" s="2" customFormat="1" ht="36.75" customHeight="1" x14ac:dyDescent="0.25">
      <c r="A115" s="179" t="s">
        <v>51</v>
      </c>
      <c r="B115" s="179"/>
      <c r="C115" s="179"/>
      <c r="D115" s="179"/>
      <c r="E115" s="179"/>
    </row>
    <row r="116" spans="1:5" s="2" customFormat="1" ht="20.100000000000001" customHeight="1" x14ac:dyDescent="0.2">
      <c r="A116" s="1"/>
      <c r="B116" s="1"/>
      <c r="C116" s="7"/>
      <c r="D116" s="7"/>
    </row>
    <row r="117" spans="1:5" s="3" customFormat="1" ht="4.5" customHeight="1" x14ac:dyDescent="0.2">
      <c r="A117" s="1"/>
      <c r="B117" s="1"/>
      <c r="C117" s="7"/>
      <c r="D117" s="7"/>
      <c r="E117" s="2"/>
    </row>
    <row r="118" spans="1:5" s="3" customFormat="1" ht="20.100000000000001" customHeight="1" x14ac:dyDescent="0.25">
      <c r="A118" s="30" t="s">
        <v>41</v>
      </c>
      <c r="B118" s="54"/>
      <c r="C118" s="31" t="s">
        <v>42</v>
      </c>
      <c r="D118" s="176"/>
      <c r="E118" s="176"/>
    </row>
    <row r="119" spans="1:5" s="3" customFormat="1" ht="20.100000000000001" customHeight="1" x14ac:dyDescent="0.25">
      <c r="A119" s="47" t="s">
        <v>43</v>
      </c>
      <c r="B119" s="55"/>
      <c r="C119" s="32"/>
      <c r="D119" s="33"/>
      <c r="E119" s="33"/>
    </row>
    <row r="120" spans="1:5" ht="20.100000000000001" customHeight="1" x14ac:dyDescent="0.2">
      <c r="C120" s="34" t="s">
        <v>44</v>
      </c>
      <c r="D120" s="169"/>
      <c r="E120" s="169"/>
    </row>
    <row r="121" spans="1:5" s="2" customFormat="1" ht="20.100000000000001" customHeight="1" x14ac:dyDescent="0.2">
      <c r="A121" s="1"/>
      <c r="B121" s="1"/>
      <c r="C121" s="34" t="s">
        <v>45</v>
      </c>
      <c r="D121" s="177"/>
      <c r="E121" s="177"/>
    </row>
    <row r="122" spans="1:5" s="2" customFormat="1" ht="20.100000000000001" customHeight="1" x14ac:dyDescent="0.2">
      <c r="A122" s="1"/>
      <c r="B122" s="1"/>
      <c r="C122" s="35" t="s">
        <v>46</v>
      </c>
      <c r="D122" s="1"/>
    </row>
    <row r="123" spans="1:5" s="2" customFormat="1" ht="37.5" customHeight="1" x14ac:dyDescent="0.25"/>
    <row r="124" spans="1:5" s="2" customFormat="1" ht="24" customHeight="1" x14ac:dyDescent="0.25"/>
    <row r="125" spans="1:5" s="2" customFormat="1" ht="24" customHeight="1" x14ac:dyDescent="0.25"/>
    <row r="126" spans="1:5" s="2" customFormat="1" ht="24" customHeight="1" x14ac:dyDescent="0.25"/>
    <row r="127" spans="1:5" s="2" customFormat="1" ht="20.100000000000001" customHeight="1" x14ac:dyDescent="0.25"/>
    <row r="128" spans="1:5" s="2" customFormat="1" ht="20.100000000000001" customHeight="1" x14ac:dyDescent="0.25"/>
    <row r="129" spans="1:4" s="2" customFormat="1" ht="50.1" customHeight="1" x14ac:dyDescent="0.25"/>
    <row r="130" spans="1:4" s="2" customFormat="1" ht="43.5" customHeight="1" x14ac:dyDescent="0.25"/>
    <row r="131" spans="1:4" ht="24.75" customHeight="1" x14ac:dyDescent="0.2">
      <c r="A131" s="2"/>
      <c r="B131" s="2"/>
      <c r="C131" s="2"/>
      <c r="D131" s="2"/>
    </row>
    <row r="132" spans="1:4" x14ac:dyDescent="0.2">
      <c r="A132" s="2"/>
      <c r="B132" s="2"/>
      <c r="C132" s="2"/>
      <c r="D132" s="2"/>
    </row>
    <row r="133" spans="1:4" ht="20.100000000000001" customHeight="1" x14ac:dyDescent="0.2"/>
    <row r="134" spans="1:4" ht="4.5" customHeight="1" x14ac:dyDescent="0.2"/>
    <row r="135" spans="1:4" ht="20.100000000000001" customHeight="1" x14ac:dyDescent="0.2"/>
    <row r="136" spans="1:4" ht="20.100000000000001" customHeight="1" x14ac:dyDescent="0.2"/>
    <row r="137" spans="1:4" ht="20.100000000000001" customHeight="1" x14ac:dyDescent="0.2"/>
  </sheetData>
  <mergeCells count="101">
    <mergeCell ref="B111:C111"/>
    <mergeCell ref="D71:E71"/>
    <mergeCell ref="A47:E47"/>
    <mergeCell ref="A49:B50"/>
    <mergeCell ref="C49:E49"/>
    <mergeCell ref="A24:E24"/>
    <mergeCell ref="B35:C35"/>
    <mergeCell ref="B36:C36"/>
    <mergeCell ref="B32:C32"/>
    <mergeCell ref="B33:C33"/>
    <mergeCell ref="A43:E43"/>
    <mergeCell ref="D50:E50"/>
    <mergeCell ref="D118:E118"/>
    <mergeCell ref="D120:E120"/>
    <mergeCell ref="D121:E121"/>
    <mergeCell ref="A114:E114"/>
    <mergeCell ref="A115:E115"/>
    <mergeCell ref="D85:E85"/>
    <mergeCell ref="D86:E86"/>
    <mergeCell ref="D87:E87"/>
    <mergeCell ref="D88:E88"/>
    <mergeCell ref="D89:E89"/>
    <mergeCell ref="A99:B100"/>
    <mergeCell ref="C99:E99"/>
    <mergeCell ref="D100:E100"/>
    <mergeCell ref="D103:E103"/>
    <mergeCell ref="D101:E101"/>
    <mergeCell ref="D102:E102"/>
    <mergeCell ref="B112:C112"/>
    <mergeCell ref="A105:E105"/>
    <mergeCell ref="B106:E106"/>
    <mergeCell ref="B107:E107"/>
    <mergeCell ref="A108:D108"/>
    <mergeCell ref="A97:E97"/>
    <mergeCell ref="B110:C110"/>
    <mergeCell ref="B109:C109"/>
    <mergeCell ref="D80:E80"/>
    <mergeCell ref="D81:E81"/>
    <mergeCell ref="D82:E82"/>
    <mergeCell ref="D83:E83"/>
    <mergeCell ref="D72:E72"/>
    <mergeCell ref="D73:E73"/>
    <mergeCell ref="D60:E60"/>
    <mergeCell ref="D61:E61"/>
    <mergeCell ref="D62:E62"/>
    <mergeCell ref="D63:E63"/>
    <mergeCell ref="D91:E91"/>
    <mergeCell ref="D92:E92"/>
    <mergeCell ref="D93:E93"/>
    <mergeCell ref="D94:E94"/>
    <mergeCell ref="D95:E95"/>
    <mergeCell ref="D74:E74"/>
    <mergeCell ref="D75:E75"/>
    <mergeCell ref="D76:E76"/>
    <mergeCell ref="D77:E77"/>
    <mergeCell ref="A2:E2"/>
    <mergeCell ref="A1:E1"/>
    <mergeCell ref="A12:C12"/>
    <mergeCell ref="A26:B26"/>
    <mergeCell ref="A29:B29"/>
    <mergeCell ref="A14:B14"/>
    <mergeCell ref="A15:B15"/>
    <mergeCell ref="A42:E42"/>
    <mergeCell ref="A31:E31"/>
    <mergeCell ref="A34:E34"/>
    <mergeCell ref="A13:B13"/>
    <mergeCell ref="D69:E69"/>
    <mergeCell ref="D70:E70"/>
    <mergeCell ref="D57:E57"/>
    <mergeCell ref="D58:E58"/>
    <mergeCell ref="D59:E59"/>
    <mergeCell ref="D52:E52"/>
    <mergeCell ref="D53:E53"/>
    <mergeCell ref="D64:E64"/>
    <mergeCell ref="D65:E65"/>
    <mergeCell ref="D54:E54"/>
    <mergeCell ref="D56:E56"/>
    <mergeCell ref="F97:F103"/>
    <mergeCell ref="A3:E3"/>
    <mergeCell ref="A7:E7"/>
    <mergeCell ref="A8:E8"/>
    <mergeCell ref="A9:E9"/>
    <mergeCell ref="A11:E11"/>
    <mergeCell ref="A16:C16"/>
    <mergeCell ref="A25:E25"/>
    <mergeCell ref="B30:C30"/>
    <mergeCell ref="A38:B38"/>
    <mergeCell ref="A19:C19"/>
    <mergeCell ref="A20:C20"/>
    <mergeCell ref="A21:E21"/>
    <mergeCell ref="A22:E22"/>
    <mergeCell ref="A23:C23"/>
    <mergeCell ref="D90:E90"/>
    <mergeCell ref="D84:E84"/>
    <mergeCell ref="D51:E51"/>
    <mergeCell ref="D78:E78"/>
    <mergeCell ref="D79:E79"/>
    <mergeCell ref="D55:E55"/>
    <mergeCell ref="D66:E66"/>
    <mergeCell ref="D67:E67"/>
    <mergeCell ref="D68:E68"/>
  </mergeCells>
  <phoneticPr fontId="14" type="noConversion"/>
  <conditionalFormatting sqref="B109:C112 C51:C95">
    <cfRule type="containsBlanks" dxfId="23" priority="26">
      <formula>LEN(TRIM(B51))=0</formula>
    </cfRule>
  </conditionalFormatting>
  <conditionalFormatting sqref="D120:E120">
    <cfRule type="containsBlanks" dxfId="22" priority="25">
      <formula>LEN(TRIM(D120))=0</formula>
    </cfRule>
  </conditionalFormatting>
  <conditionalFormatting sqref="D121:E121">
    <cfRule type="containsBlanks" dxfId="21" priority="24">
      <formula>LEN(TRIM(D121))=0</formula>
    </cfRule>
  </conditionalFormatting>
  <conditionalFormatting sqref="C101">
    <cfRule type="containsBlanks" dxfId="20" priority="15">
      <formula>LEN(TRIM(C101))=0</formula>
    </cfRule>
  </conditionalFormatting>
  <conditionalFormatting sqref="C102">
    <cfRule type="containsBlanks" dxfId="19" priority="14">
      <formula>LEN(TRIM(C102))=0</formula>
    </cfRule>
  </conditionalFormatting>
  <conditionalFormatting sqref="C103">
    <cfRule type="containsBlanks" dxfId="18" priority="12">
      <formula>LEN(TRIM(C103))=0</formula>
    </cfRule>
  </conditionalFormatting>
  <conditionalFormatting sqref="B118">
    <cfRule type="containsBlanks" dxfId="17" priority="5">
      <formula>LEN(TRIM(B118))=0</formula>
    </cfRule>
  </conditionalFormatting>
  <conditionalFormatting sqref="B4">
    <cfRule type="containsBlanks" dxfId="16" priority="7">
      <formula>LEN(TRIM(B4))=0</formula>
    </cfRule>
  </conditionalFormatting>
  <conditionalFormatting sqref="B5">
    <cfRule type="containsBlanks" dxfId="15" priority="6">
      <formula>LEN(TRIM(B5))=0</formula>
    </cfRule>
  </conditionalFormatting>
  <conditionalFormatting sqref="B119">
    <cfRule type="containsBlanks" dxfId="14" priority="4">
      <formula>LEN(TRIM(B119))=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60" max="4" man="1"/>
    <brk id="83" max="4" man="1"/>
    <brk id="103"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6</xdr:row>
                    <xdr:rowOff>28575</xdr:rowOff>
                  </from>
                  <to>
                    <xdr:col>0</xdr:col>
                    <xdr:colOff>533400</xdr:colOff>
                    <xdr:row>27</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7</xdr:row>
                    <xdr:rowOff>28575</xdr:rowOff>
                  </from>
                  <to>
                    <xdr:col>0</xdr:col>
                    <xdr:colOff>542925</xdr:colOff>
                    <xdr:row>28</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8</xdr:row>
                    <xdr:rowOff>38100</xdr:rowOff>
                  </from>
                  <to>
                    <xdr:col>0</xdr:col>
                    <xdr:colOff>533400</xdr:colOff>
                    <xdr:row>39</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9</xdr:row>
                    <xdr:rowOff>0</xdr:rowOff>
                  </from>
                  <to>
                    <xdr:col>0</xdr:col>
                    <xdr:colOff>523875</xdr:colOff>
                    <xdr:row>39</xdr:row>
                    <xdr:rowOff>2190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39997558519241921"/>
    <pageSetUpPr fitToPage="1"/>
  </sheetPr>
  <dimension ref="A1:F139"/>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7" customWidth="1"/>
    <col min="4" max="4" width="13.7109375" style="7"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65" t="s">
        <v>49</v>
      </c>
      <c r="B1" s="165"/>
      <c r="C1" s="165"/>
      <c r="D1" s="165"/>
      <c r="E1" s="165"/>
    </row>
    <row r="2" spans="1:5" ht="27.75" customHeight="1" x14ac:dyDescent="0.2">
      <c r="A2" s="164" t="s">
        <v>47</v>
      </c>
      <c r="B2" s="164"/>
      <c r="C2" s="164"/>
      <c r="D2" s="164"/>
      <c r="E2" s="164"/>
    </row>
    <row r="3" spans="1:5" ht="56.1" customHeight="1" x14ac:dyDescent="0.2">
      <c r="A3" s="144" t="s">
        <v>53</v>
      </c>
      <c r="B3" s="144"/>
      <c r="C3" s="144"/>
      <c r="D3" s="144"/>
      <c r="E3" s="144"/>
    </row>
    <row r="4" spans="1:5" ht="24.95" customHeight="1" x14ac:dyDescent="0.2">
      <c r="A4" s="42" t="s">
        <v>52</v>
      </c>
      <c r="B4" s="136"/>
      <c r="C4" s="36"/>
      <c r="D4" s="36"/>
      <c r="E4" s="36"/>
    </row>
    <row r="5" spans="1:5" ht="24.95" customHeight="1" x14ac:dyDescent="0.2">
      <c r="A5" s="42" t="s">
        <v>50</v>
      </c>
      <c r="B5" s="137"/>
      <c r="C5" s="36"/>
      <c r="D5" s="36"/>
      <c r="E5" s="36"/>
    </row>
    <row r="6" spans="1:5" ht="5.0999999999999996" customHeight="1" x14ac:dyDescent="0.2">
      <c r="A6" s="36"/>
      <c r="B6" s="36"/>
      <c r="C6" s="36"/>
      <c r="D6" s="36"/>
      <c r="E6" s="36"/>
    </row>
    <row r="7" spans="1:5" s="2" customFormat="1" ht="20.100000000000001" customHeight="1" x14ac:dyDescent="0.25">
      <c r="A7" s="145" t="s">
        <v>4</v>
      </c>
      <c r="B7" s="145"/>
      <c r="C7" s="145"/>
      <c r="D7" s="145"/>
      <c r="E7" s="145"/>
    </row>
    <row r="8" spans="1:5" s="2" customFormat="1" ht="20.100000000000001" customHeight="1" x14ac:dyDescent="0.25">
      <c r="A8" s="146" t="s">
        <v>8</v>
      </c>
      <c r="B8" s="146"/>
      <c r="C8" s="146"/>
      <c r="D8" s="146"/>
      <c r="E8" s="146"/>
    </row>
    <row r="9" spans="1:5" ht="24.95" customHeight="1" x14ac:dyDescent="0.2">
      <c r="A9" s="147" t="s">
        <v>319</v>
      </c>
      <c r="B9" s="147"/>
      <c r="C9" s="147"/>
      <c r="D9" s="147"/>
      <c r="E9" s="147"/>
    </row>
    <row r="10" spans="1:5" ht="4.5" customHeight="1" x14ac:dyDescent="0.2">
      <c r="A10" s="132"/>
      <c r="B10" s="132"/>
      <c r="C10" s="132"/>
      <c r="D10" s="132"/>
      <c r="E10" s="132"/>
    </row>
    <row r="11" spans="1:5" s="2" customFormat="1" ht="20.100000000000001" customHeight="1" x14ac:dyDescent="0.25">
      <c r="A11" s="148" t="s">
        <v>9</v>
      </c>
      <c r="B11" s="148"/>
      <c r="C11" s="148"/>
      <c r="D11" s="148"/>
      <c r="E11" s="148"/>
    </row>
    <row r="12" spans="1:5" s="2" customFormat="1" ht="24.95" customHeight="1" x14ac:dyDescent="0.2">
      <c r="A12" s="149" t="s">
        <v>106</v>
      </c>
      <c r="B12" s="149"/>
      <c r="C12" s="149"/>
      <c r="D12" s="16"/>
      <c r="E12" s="16"/>
    </row>
    <row r="13" spans="1:5" s="2" customFormat="1" ht="24.95" customHeight="1" x14ac:dyDescent="0.2">
      <c r="A13" s="149" t="s">
        <v>200</v>
      </c>
      <c r="B13" s="149"/>
      <c r="C13" s="133"/>
      <c r="D13" s="16"/>
      <c r="E13" s="16"/>
    </row>
    <row r="14" spans="1:5" s="2" customFormat="1" ht="24.95" customHeight="1" x14ac:dyDescent="0.2">
      <c r="A14" s="149" t="s">
        <v>107</v>
      </c>
      <c r="B14" s="149"/>
      <c r="C14" s="133"/>
      <c r="D14" s="16"/>
      <c r="E14" s="16"/>
    </row>
    <row r="15" spans="1:5" s="2" customFormat="1" ht="24.95" customHeight="1" x14ac:dyDescent="0.2">
      <c r="A15" s="149" t="s">
        <v>108</v>
      </c>
      <c r="B15" s="149"/>
      <c r="C15" s="133"/>
      <c r="D15" s="16"/>
      <c r="E15" s="16"/>
    </row>
    <row r="16" spans="1:5" s="3" customFormat="1" ht="20.100000000000001" customHeight="1" x14ac:dyDescent="0.25">
      <c r="A16" s="149" t="s">
        <v>24</v>
      </c>
      <c r="B16" s="149"/>
      <c r="C16" s="149"/>
      <c r="D16" s="18"/>
      <c r="E16" s="19"/>
    </row>
    <row r="17" spans="1:6" ht="4.5" customHeight="1" x14ac:dyDescent="0.2">
      <c r="A17" s="132"/>
      <c r="B17" s="132"/>
      <c r="C17" s="132"/>
      <c r="D17" s="132"/>
      <c r="E17" s="132"/>
    </row>
    <row r="18" spans="1:6" x14ac:dyDescent="0.2">
      <c r="A18" s="37" t="s">
        <v>10</v>
      </c>
      <c r="B18" s="20"/>
      <c r="C18" s="20"/>
      <c r="D18" s="21"/>
      <c r="E18" s="21"/>
    </row>
    <row r="19" spans="1:6" s="3" customFormat="1" ht="24.95" customHeight="1" x14ac:dyDescent="0.25">
      <c r="A19" s="155" t="s">
        <v>57</v>
      </c>
      <c r="B19" s="155"/>
      <c r="C19" s="155"/>
      <c r="D19" s="18"/>
      <c r="E19" s="19"/>
    </row>
    <row r="20" spans="1:6" ht="5.0999999999999996" customHeight="1" x14ac:dyDescent="0.2">
      <c r="A20" s="156"/>
      <c r="B20" s="156"/>
      <c r="C20" s="156"/>
      <c r="E20" s="17"/>
    </row>
    <row r="21" spans="1:6" s="2" customFormat="1" ht="20.100000000000001" customHeight="1" x14ac:dyDescent="0.25">
      <c r="A21" s="145" t="s">
        <v>21</v>
      </c>
      <c r="B21" s="145"/>
      <c r="C21" s="145"/>
      <c r="D21" s="145"/>
      <c r="E21" s="145"/>
    </row>
    <row r="22" spans="1:6" ht="24.95" customHeight="1" x14ac:dyDescent="0.2">
      <c r="A22" s="149" t="s">
        <v>161</v>
      </c>
      <c r="B22" s="149"/>
      <c r="C22" s="149"/>
      <c r="D22" s="149"/>
      <c r="E22" s="149"/>
    </row>
    <row r="23" spans="1:6" ht="5.0999999999999996" customHeight="1" thickBot="1" x14ac:dyDescent="0.25">
      <c r="A23" s="157"/>
      <c r="B23" s="157"/>
      <c r="C23" s="157"/>
      <c r="E23" s="17"/>
    </row>
    <row r="24" spans="1:6" s="8" customFormat="1" ht="31.5" customHeight="1" thickBot="1" x14ac:dyDescent="0.3">
      <c r="A24" s="97" t="s">
        <v>95</v>
      </c>
      <c r="B24" s="151" t="s">
        <v>12</v>
      </c>
      <c r="C24" s="152"/>
      <c r="D24" s="98" t="s">
        <v>11</v>
      </c>
      <c r="E24" s="99" t="s">
        <v>323</v>
      </c>
    </row>
    <row r="25" spans="1:6" s="8" customFormat="1" ht="31.5" customHeight="1" thickBot="1" x14ac:dyDescent="0.3">
      <c r="A25" s="166" t="s">
        <v>318</v>
      </c>
      <c r="B25" s="167"/>
      <c r="C25" s="167"/>
      <c r="D25" s="167"/>
      <c r="E25" s="168"/>
    </row>
    <row r="26" spans="1:6" s="8" customFormat="1" ht="31.5" customHeight="1" x14ac:dyDescent="0.25">
      <c r="A26" s="100" t="s">
        <v>162</v>
      </c>
      <c r="B26" s="204" t="s">
        <v>234</v>
      </c>
      <c r="C26" s="205"/>
      <c r="D26" s="101" t="s">
        <v>1</v>
      </c>
      <c r="E26" s="125" t="s">
        <v>235</v>
      </c>
    </row>
    <row r="27" spans="1:6" s="8" customFormat="1" ht="31.5" customHeight="1" x14ac:dyDescent="0.25">
      <c r="A27" s="92" t="s">
        <v>163</v>
      </c>
      <c r="B27" s="206" t="s">
        <v>320</v>
      </c>
      <c r="C27" s="207"/>
      <c r="D27" s="91" t="s">
        <v>1</v>
      </c>
      <c r="E27" s="138">
        <v>1</v>
      </c>
    </row>
    <row r="28" spans="1:6" ht="5.0999999999999996" customHeight="1" x14ac:dyDescent="0.2"/>
    <row r="29" spans="1:6" s="2" customFormat="1" ht="20.100000000000001" customHeight="1" x14ac:dyDescent="0.25">
      <c r="A29" s="145" t="s">
        <v>23</v>
      </c>
      <c r="B29" s="145"/>
      <c r="C29" s="145"/>
      <c r="D29" s="145"/>
      <c r="E29" s="145"/>
    </row>
    <row r="30" spans="1:6" s="2" customFormat="1" ht="5.0999999999999996" customHeight="1" thickBot="1" x14ac:dyDescent="0.3">
      <c r="A30" s="17"/>
      <c r="C30" s="135"/>
      <c r="D30" s="135"/>
      <c r="E30" s="135"/>
    </row>
    <row r="31" spans="1:6" s="3" customFormat="1" ht="93" customHeight="1" x14ac:dyDescent="0.25">
      <c r="A31" s="182" t="s">
        <v>0</v>
      </c>
      <c r="B31" s="183"/>
      <c r="C31" s="186" t="s">
        <v>25</v>
      </c>
      <c r="D31" s="187"/>
      <c r="E31" s="188"/>
      <c r="F31" s="22"/>
    </row>
    <row r="32" spans="1:6" s="3" customFormat="1" ht="30" customHeight="1" thickBot="1" x14ac:dyDescent="0.3">
      <c r="A32" s="236"/>
      <c r="B32" s="237"/>
      <c r="C32" s="102" t="s">
        <v>26</v>
      </c>
      <c r="D32" s="238" t="s">
        <v>27</v>
      </c>
      <c r="E32" s="239"/>
    </row>
    <row r="33" spans="1:5" s="3" customFormat="1" ht="31.5" customHeight="1" thickBot="1" x14ac:dyDescent="0.3">
      <c r="A33" s="240" t="s">
        <v>318</v>
      </c>
      <c r="B33" s="241"/>
      <c r="C33" s="241"/>
      <c r="D33" s="241"/>
      <c r="E33" s="242"/>
    </row>
    <row r="34" spans="1:5" s="24" customFormat="1" ht="31.5" customHeight="1" thickBot="1" x14ac:dyDescent="0.3">
      <c r="A34" s="219" t="s">
        <v>237</v>
      </c>
      <c r="B34" s="220"/>
      <c r="C34" s="220"/>
      <c r="D34" s="220"/>
      <c r="E34" s="221"/>
    </row>
    <row r="35" spans="1:5" s="24" customFormat="1" ht="31.5" customHeight="1" x14ac:dyDescent="0.25">
      <c r="A35" s="222" t="s">
        <v>236</v>
      </c>
      <c r="B35" s="223"/>
      <c r="C35" s="223"/>
      <c r="D35" s="223"/>
      <c r="E35" s="224"/>
    </row>
    <row r="36" spans="1:5" s="4" customFormat="1" ht="36" customHeight="1" x14ac:dyDescent="0.25">
      <c r="A36" s="108" t="s">
        <v>14</v>
      </c>
      <c r="B36" s="89" t="s">
        <v>238</v>
      </c>
      <c r="C36" s="45"/>
      <c r="D36" s="228"/>
      <c r="E36" s="229"/>
    </row>
    <row r="37" spans="1:5" s="4" customFormat="1" ht="36" customHeight="1" x14ac:dyDescent="0.25">
      <c r="A37" s="108" t="s">
        <v>58</v>
      </c>
      <c r="B37" s="89" t="s">
        <v>239</v>
      </c>
      <c r="C37" s="45"/>
      <c r="D37" s="228"/>
      <c r="E37" s="229"/>
    </row>
    <row r="38" spans="1:5" s="4" customFormat="1" ht="27" customHeight="1" x14ac:dyDescent="0.25">
      <c r="A38" s="108" t="s">
        <v>60</v>
      </c>
      <c r="B38" s="89" t="s">
        <v>240</v>
      </c>
      <c r="C38" s="45"/>
      <c r="D38" s="228"/>
      <c r="E38" s="229"/>
    </row>
    <row r="39" spans="1:5" s="4" customFormat="1" ht="27" customHeight="1" x14ac:dyDescent="0.25">
      <c r="A39" s="108" t="s">
        <v>62</v>
      </c>
      <c r="B39" s="89" t="s">
        <v>241</v>
      </c>
      <c r="C39" s="45"/>
      <c r="D39" s="228"/>
      <c r="E39" s="229"/>
    </row>
    <row r="40" spans="1:5" s="4" customFormat="1" ht="27" customHeight="1" x14ac:dyDescent="0.25">
      <c r="A40" s="108" t="s">
        <v>63</v>
      </c>
      <c r="B40" s="89" t="s">
        <v>242</v>
      </c>
      <c r="C40" s="45"/>
      <c r="D40" s="228"/>
      <c r="E40" s="229"/>
    </row>
    <row r="41" spans="1:5" s="4" customFormat="1" ht="27" customHeight="1" x14ac:dyDescent="0.25">
      <c r="A41" s="108" t="s">
        <v>64</v>
      </c>
      <c r="B41" s="89" t="s">
        <v>243</v>
      </c>
      <c r="C41" s="45"/>
      <c r="D41" s="228"/>
      <c r="E41" s="229"/>
    </row>
    <row r="42" spans="1:5" s="4" customFormat="1" ht="36" customHeight="1" x14ac:dyDescent="0.25">
      <c r="A42" s="108" t="s">
        <v>65</v>
      </c>
      <c r="B42" s="89" t="s">
        <v>251</v>
      </c>
      <c r="C42" s="45"/>
      <c r="D42" s="209"/>
      <c r="E42" s="210"/>
    </row>
    <row r="43" spans="1:5" s="4" customFormat="1" ht="36" customHeight="1" x14ac:dyDescent="0.25">
      <c r="A43" s="108" t="s">
        <v>66</v>
      </c>
      <c r="B43" s="89" t="s">
        <v>244</v>
      </c>
      <c r="C43" s="45"/>
      <c r="D43" s="209"/>
      <c r="E43" s="210"/>
    </row>
    <row r="44" spans="1:5" s="4" customFormat="1" ht="36" customHeight="1" x14ac:dyDescent="0.25">
      <c r="A44" s="108" t="s">
        <v>67</v>
      </c>
      <c r="B44" s="89" t="s">
        <v>245</v>
      </c>
      <c r="C44" s="45"/>
      <c r="D44" s="209"/>
      <c r="E44" s="210"/>
    </row>
    <row r="45" spans="1:5" s="4" customFormat="1" ht="36" customHeight="1" x14ac:dyDescent="0.25">
      <c r="A45" s="108" t="s">
        <v>93</v>
      </c>
      <c r="B45" s="89" t="s">
        <v>246</v>
      </c>
      <c r="C45" s="45"/>
      <c r="D45" s="209"/>
      <c r="E45" s="210"/>
    </row>
    <row r="46" spans="1:5" s="4" customFormat="1" ht="27" customHeight="1" x14ac:dyDescent="0.25">
      <c r="A46" s="108" t="s">
        <v>69</v>
      </c>
      <c r="B46" s="89" t="s">
        <v>247</v>
      </c>
      <c r="C46" s="45"/>
      <c r="D46" s="209"/>
      <c r="E46" s="210"/>
    </row>
    <row r="47" spans="1:5" s="4" customFormat="1" ht="27" customHeight="1" x14ac:dyDescent="0.25">
      <c r="A47" s="108" t="s">
        <v>70</v>
      </c>
      <c r="B47" s="89" t="s">
        <v>248</v>
      </c>
      <c r="C47" s="45"/>
      <c r="D47" s="209"/>
      <c r="E47" s="210"/>
    </row>
    <row r="48" spans="1:5" s="4" customFormat="1" ht="36" customHeight="1" x14ac:dyDescent="0.25">
      <c r="A48" s="108" t="s">
        <v>71</v>
      </c>
      <c r="B48" s="89" t="s">
        <v>249</v>
      </c>
      <c r="C48" s="45"/>
      <c r="D48" s="209"/>
      <c r="E48" s="210"/>
    </row>
    <row r="49" spans="1:5" s="4" customFormat="1" ht="27" customHeight="1" x14ac:dyDescent="0.25">
      <c r="A49" s="108" t="s">
        <v>76</v>
      </c>
      <c r="B49" s="89" t="s">
        <v>250</v>
      </c>
      <c r="C49" s="45"/>
      <c r="D49" s="209"/>
      <c r="E49" s="210"/>
    </row>
    <row r="50" spans="1:5" s="4" customFormat="1" ht="31.5" customHeight="1" x14ac:dyDescent="0.25">
      <c r="A50" s="233" t="s">
        <v>252</v>
      </c>
      <c r="B50" s="234"/>
      <c r="C50" s="234"/>
      <c r="D50" s="234"/>
      <c r="E50" s="235"/>
    </row>
    <row r="51" spans="1:5" s="4" customFormat="1" ht="36" customHeight="1" x14ac:dyDescent="0.25">
      <c r="A51" s="109" t="s">
        <v>77</v>
      </c>
      <c r="B51" s="59" t="s">
        <v>253</v>
      </c>
      <c r="C51" s="45"/>
      <c r="D51" s="228"/>
      <c r="E51" s="229"/>
    </row>
    <row r="52" spans="1:5" s="4" customFormat="1" ht="27" customHeight="1" x14ac:dyDescent="0.25">
      <c r="A52" s="109" t="s">
        <v>78</v>
      </c>
      <c r="B52" s="59" t="s">
        <v>254</v>
      </c>
      <c r="C52" s="45"/>
      <c r="D52" s="228"/>
      <c r="E52" s="229"/>
    </row>
    <row r="53" spans="1:5" s="4" customFormat="1" ht="27" customHeight="1" x14ac:dyDescent="0.25">
      <c r="A53" s="109" t="s">
        <v>79</v>
      </c>
      <c r="B53" s="59" t="s">
        <v>255</v>
      </c>
      <c r="C53" s="45"/>
      <c r="D53" s="228"/>
      <c r="E53" s="229"/>
    </row>
    <row r="54" spans="1:5" s="4" customFormat="1" ht="27" customHeight="1" x14ac:dyDescent="0.25">
      <c r="A54" s="109" t="s">
        <v>81</v>
      </c>
      <c r="B54" s="59" t="s">
        <v>256</v>
      </c>
      <c r="C54" s="45"/>
      <c r="D54" s="228"/>
      <c r="E54" s="229"/>
    </row>
    <row r="55" spans="1:5" s="4" customFormat="1" ht="27" customHeight="1" x14ac:dyDescent="0.25">
      <c r="A55" s="109" t="s">
        <v>83</v>
      </c>
      <c r="B55" s="59" t="s">
        <v>257</v>
      </c>
      <c r="C55" s="45"/>
      <c r="D55" s="228"/>
      <c r="E55" s="229"/>
    </row>
    <row r="56" spans="1:5" s="4" customFormat="1" ht="27" customHeight="1" x14ac:dyDescent="0.25">
      <c r="A56" s="109" t="s">
        <v>85</v>
      </c>
      <c r="B56" s="59" t="s">
        <v>258</v>
      </c>
      <c r="C56" s="45"/>
      <c r="D56" s="228"/>
      <c r="E56" s="229"/>
    </row>
    <row r="57" spans="1:5" s="4" customFormat="1" ht="36" customHeight="1" x14ac:dyDescent="0.25">
      <c r="A57" s="109" t="s">
        <v>86</v>
      </c>
      <c r="B57" s="59" t="s">
        <v>259</v>
      </c>
      <c r="C57" s="45"/>
      <c r="D57" s="228"/>
      <c r="E57" s="229"/>
    </row>
    <row r="58" spans="1:5" s="4" customFormat="1" ht="36" customHeight="1" x14ac:dyDescent="0.25">
      <c r="A58" s="109" t="s">
        <v>88</v>
      </c>
      <c r="B58" s="59" t="s">
        <v>260</v>
      </c>
      <c r="C58" s="45"/>
      <c r="D58" s="217"/>
      <c r="E58" s="218"/>
    </row>
    <row r="59" spans="1:5" s="4" customFormat="1" ht="27.6" customHeight="1" x14ac:dyDescent="0.25">
      <c r="A59" s="109" t="s">
        <v>89</v>
      </c>
      <c r="B59" s="59" t="s">
        <v>261</v>
      </c>
      <c r="C59" s="45"/>
      <c r="D59" s="217"/>
      <c r="E59" s="218"/>
    </row>
    <row r="60" spans="1:5" s="4" customFormat="1" ht="36" customHeight="1" x14ac:dyDescent="0.25">
      <c r="A60" s="109" t="s">
        <v>90</v>
      </c>
      <c r="B60" s="59" t="s">
        <v>279</v>
      </c>
      <c r="C60" s="45"/>
      <c r="D60" s="217"/>
      <c r="E60" s="218"/>
    </row>
    <row r="61" spans="1:5" s="4" customFormat="1" ht="45" customHeight="1" x14ac:dyDescent="0.25">
      <c r="A61" s="109" t="s">
        <v>91</v>
      </c>
      <c r="B61" s="59" t="s">
        <v>262</v>
      </c>
      <c r="C61" s="45"/>
      <c r="D61" s="217"/>
      <c r="E61" s="218"/>
    </row>
    <row r="62" spans="1:5" s="4" customFormat="1" ht="36" customHeight="1" x14ac:dyDescent="0.25">
      <c r="A62" s="109" t="s">
        <v>94</v>
      </c>
      <c r="B62" s="59" t="s">
        <v>263</v>
      </c>
      <c r="C62" s="45"/>
      <c r="D62" s="228"/>
      <c r="E62" s="229"/>
    </row>
    <row r="63" spans="1:5" s="4" customFormat="1" ht="36" customHeight="1" x14ac:dyDescent="0.25">
      <c r="A63" s="109" t="s">
        <v>171</v>
      </c>
      <c r="B63" s="59" t="s">
        <v>264</v>
      </c>
      <c r="C63" s="45"/>
      <c r="D63" s="228"/>
      <c r="E63" s="229"/>
    </row>
    <row r="64" spans="1:5" s="4" customFormat="1" ht="31.5" customHeight="1" x14ac:dyDescent="0.25">
      <c r="A64" s="230" t="s">
        <v>316</v>
      </c>
      <c r="B64" s="231"/>
      <c r="C64" s="231"/>
      <c r="D64" s="231"/>
      <c r="E64" s="232"/>
    </row>
    <row r="65" spans="1:5" s="4" customFormat="1" ht="36" customHeight="1" x14ac:dyDescent="0.25">
      <c r="A65" s="109" t="s">
        <v>172</v>
      </c>
      <c r="B65" s="126" t="s">
        <v>265</v>
      </c>
      <c r="C65" s="45"/>
      <c r="D65" s="228"/>
      <c r="E65" s="229"/>
    </row>
    <row r="66" spans="1:5" s="4" customFormat="1" ht="36" customHeight="1" x14ac:dyDescent="0.25">
      <c r="A66" s="109" t="s">
        <v>173</v>
      </c>
      <c r="B66" s="126" t="s">
        <v>266</v>
      </c>
      <c r="C66" s="45"/>
      <c r="D66" s="228"/>
      <c r="E66" s="229"/>
    </row>
    <row r="67" spans="1:5" s="4" customFormat="1" ht="36" customHeight="1" x14ac:dyDescent="0.25">
      <c r="A67" s="109" t="s">
        <v>174</v>
      </c>
      <c r="B67" s="126" t="s">
        <v>285</v>
      </c>
      <c r="C67" s="45"/>
      <c r="D67" s="228"/>
      <c r="E67" s="229"/>
    </row>
    <row r="68" spans="1:5" s="4" customFormat="1" ht="27" customHeight="1" x14ac:dyDescent="0.25">
      <c r="A68" s="109" t="s">
        <v>175</v>
      </c>
      <c r="B68" s="126" t="s">
        <v>267</v>
      </c>
      <c r="C68" s="45"/>
      <c r="D68" s="228"/>
      <c r="E68" s="229"/>
    </row>
    <row r="69" spans="1:5" s="4" customFormat="1" ht="27" customHeight="1" x14ac:dyDescent="0.25">
      <c r="A69" s="109" t="s">
        <v>176</v>
      </c>
      <c r="B69" s="126" t="s">
        <v>286</v>
      </c>
      <c r="C69" s="45"/>
      <c r="D69" s="228"/>
      <c r="E69" s="229"/>
    </row>
    <row r="70" spans="1:5" s="4" customFormat="1" ht="45" customHeight="1" x14ac:dyDescent="0.25">
      <c r="A70" s="109" t="s">
        <v>177</v>
      </c>
      <c r="B70" s="126" t="s">
        <v>268</v>
      </c>
      <c r="C70" s="45"/>
      <c r="D70" s="228"/>
      <c r="E70" s="229"/>
    </row>
    <row r="71" spans="1:5" s="4" customFormat="1" ht="27" customHeight="1" x14ac:dyDescent="0.25">
      <c r="A71" s="109" t="s">
        <v>178</v>
      </c>
      <c r="B71" s="126" t="s">
        <v>277</v>
      </c>
      <c r="C71" s="45"/>
      <c r="D71" s="228"/>
      <c r="E71" s="229"/>
    </row>
    <row r="72" spans="1:5" s="4" customFormat="1" ht="27" customHeight="1" x14ac:dyDescent="0.25">
      <c r="A72" s="109" t="s">
        <v>179</v>
      </c>
      <c r="B72" s="126" t="s">
        <v>278</v>
      </c>
      <c r="C72" s="45"/>
      <c r="D72" s="228"/>
      <c r="E72" s="229"/>
    </row>
    <row r="73" spans="1:5" s="4" customFormat="1" ht="36" customHeight="1" x14ac:dyDescent="0.25">
      <c r="A73" s="109" t="s">
        <v>180</v>
      </c>
      <c r="B73" s="126" t="s">
        <v>269</v>
      </c>
      <c r="C73" s="45"/>
      <c r="D73" s="228"/>
      <c r="E73" s="229"/>
    </row>
    <row r="74" spans="1:5" s="4" customFormat="1" ht="36" customHeight="1" x14ac:dyDescent="0.25">
      <c r="A74" s="109" t="s">
        <v>181</v>
      </c>
      <c r="B74" s="126" t="s">
        <v>270</v>
      </c>
      <c r="C74" s="45"/>
      <c r="D74" s="228"/>
      <c r="E74" s="229"/>
    </row>
    <row r="75" spans="1:5" s="4" customFormat="1" ht="27" customHeight="1" x14ac:dyDescent="0.25">
      <c r="A75" s="110" t="s">
        <v>182</v>
      </c>
      <c r="B75" s="127" t="s">
        <v>271</v>
      </c>
      <c r="C75" s="45"/>
      <c r="D75" s="228"/>
      <c r="E75" s="229"/>
    </row>
    <row r="76" spans="1:5" s="4" customFormat="1" ht="27" customHeight="1" x14ac:dyDescent="0.25">
      <c r="A76" s="110" t="s">
        <v>183</v>
      </c>
      <c r="B76" s="127" t="s">
        <v>272</v>
      </c>
      <c r="C76" s="45"/>
      <c r="D76" s="228"/>
      <c r="E76" s="229"/>
    </row>
    <row r="77" spans="1:5" s="4" customFormat="1" ht="27" customHeight="1" x14ac:dyDescent="0.25">
      <c r="A77" s="110" t="s">
        <v>184</v>
      </c>
      <c r="B77" s="127" t="s">
        <v>273</v>
      </c>
      <c r="C77" s="45"/>
      <c r="D77" s="228"/>
      <c r="E77" s="229"/>
    </row>
    <row r="78" spans="1:5" s="4" customFormat="1" ht="27" customHeight="1" x14ac:dyDescent="0.25">
      <c r="A78" s="110" t="s">
        <v>185</v>
      </c>
      <c r="B78" s="127" t="s">
        <v>274</v>
      </c>
      <c r="C78" s="45"/>
      <c r="D78" s="228"/>
      <c r="E78" s="229"/>
    </row>
    <row r="79" spans="1:5" s="4" customFormat="1" ht="27" customHeight="1" x14ac:dyDescent="0.25">
      <c r="A79" s="110" t="s">
        <v>186</v>
      </c>
      <c r="B79" s="127" t="s">
        <v>275</v>
      </c>
      <c r="C79" s="45"/>
      <c r="D79" s="228"/>
      <c r="E79" s="229"/>
    </row>
    <row r="80" spans="1:5" s="4" customFormat="1" ht="27" customHeight="1" x14ac:dyDescent="0.25">
      <c r="A80" s="110" t="s">
        <v>280</v>
      </c>
      <c r="B80" s="89" t="s">
        <v>276</v>
      </c>
      <c r="C80" s="45"/>
      <c r="D80" s="228"/>
      <c r="E80" s="229"/>
    </row>
    <row r="81" spans="1:5" s="4" customFormat="1" ht="27" customHeight="1" x14ac:dyDescent="0.25">
      <c r="A81" s="109" t="s">
        <v>187</v>
      </c>
      <c r="B81" s="89" t="s">
        <v>281</v>
      </c>
      <c r="C81" s="45" t="s">
        <v>201</v>
      </c>
      <c r="D81" s="209"/>
      <c r="E81" s="210"/>
    </row>
    <row r="82" spans="1:5" s="4" customFormat="1" ht="27" customHeight="1" x14ac:dyDescent="0.25">
      <c r="A82" s="110" t="s">
        <v>188</v>
      </c>
      <c r="B82" s="89" t="s">
        <v>282</v>
      </c>
      <c r="C82" s="45"/>
      <c r="D82" s="209"/>
      <c r="E82" s="210"/>
    </row>
    <row r="83" spans="1:5" s="4" customFormat="1" ht="54.75" customHeight="1" x14ac:dyDescent="0.25">
      <c r="A83" s="110" t="s">
        <v>189</v>
      </c>
      <c r="B83" s="89" t="s">
        <v>283</v>
      </c>
      <c r="C83" s="45"/>
      <c r="D83" s="209"/>
      <c r="E83" s="210"/>
    </row>
    <row r="84" spans="1:5" s="4" customFormat="1" ht="26.25" customHeight="1" x14ac:dyDescent="0.25">
      <c r="A84" s="110" t="s">
        <v>190</v>
      </c>
      <c r="B84" s="59" t="s">
        <v>284</v>
      </c>
      <c r="C84" s="45"/>
      <c r="D84" s="209"/>
      <c r="E84" s="210"/>
    </row>
    <row r="85" spans="1:5" s="4" customFormat="1" ht="26.25" customHeight="1" x14ac:dyDescent="0.25">
      <c r="A85" s="225" t="s">
        <v>317</v>
      </c>
      <c r="B85" s="226"/>
      <c r="C85" s="226"/>
      <c r="D85" s="226"/>
      <c r="E85" s="227"/>
    </row>
    <row r="86" spans="1:5" s="4" customFormat="1" ht="27" customHeight="1" x14ac:dyDescent="0.25">
      <c r="A86" s="109" t="s">
        <v>191</v>
      </c>
      <c r="B86" s="89" t="s">
        <v>287</v>
      </c>
      <c r="C86" s="45"/>
      <c r="D86" s="209"/>
      <c r="E86" s="210"/>
    </row>
    <row r="87" spans="1:5" s="4" customFormat="1" ht="57.75" customHeight="1" x14ac:dyDescent="0.25">
      <c r="A87" s="109" t="s">
        <v>288</v>
      </c>
      <c r="B87" s="89" t="s">
        <v>289</v>
      </c>
      <c r="C87" s="45"/>
      <c r="D87" s="209"/>
      <c r="E87" s="210"/>
    </row>
    <row r="88" spans="1:5" s="4" customFormat="1" ht="35.25" customHeight="1" x14ac:dyDescent="0.25">
      <c r="A88" s="109" t="s">
        <v>192</v>
      </c>
      <c r="B88" s="59" t="s">
        <v>290</v>
      </c>
      <c r="C88" s="45"/>
      <c r="D88" s="209"/>
      <c r="E88" s="210"/>
    </row>
    <row r="89" spans="1:5" s="4" customFormat="1" ht="45" customHeight="1" x14ac:dyDescent="0.25">
      <c r="A89" s="109" t="s">
        <v>193</v>
      </c>
      <c r="B89" s="59" t="s">
        <v>291</v>
      </c>
      <c r="C89" s="45"/>
      <c r="D89" s="209"/>
      <c r="E89" s="210"/>
    </row>
    <row r="90" spans="1:5" s="4" customFormat="1" ht="36" customHeight="1" x14ac:dyDescent="0.25">
      <c r="A90" s="109" t="s">
        <v>194</v>
      </c>
      <c r="B90" s="59" t="s">
        <v>292</v>
      </c>
      <c r="C90" s="45"/>
      <c r="D90" s="209"/>
      <c r="E90" s="210"/>
    </row>
    <row r="91" spans="1:5" s="4" customFormat="1" ht="36" customHeight="1" x14ac:dyDescent="0.25">
      <c r="A91" s="109" t="s">
        <v>195</v>
      </c>
      <c r="B91" s="90" t="s">
        <v>294</v>
      </c>
      <c r="C91" s="45"/>
      <c r="D91" s="209"/>
      <c r="E91" s="210"/>
    </row>
    <row r="92" spans="1:5" s="4" customFormat="1" ht="45" customHeight="1" thickBot="1" x14ac:dyDescent="0.3">
      <c r="A92" s="109" t="s">
        <v>196</v>
      </c>
      <c r="B92" s="89" t="s">
        <v>293</v>
      </c>
      <c r="C92" s="45"/>
      <c r="D92" s="209"/>
      <c r="E92" s="210"/>
    </row>
    <row r="93" spans="1:5" s="4" customFormat="1" ht="31.5" customHeight="1" thickBot="1" x14ac:dyDescent="0.3">
      <c r="A93" s="219" t="s">
        <v>295</v>
      </c>
      <c r="B93" s="220"/>
      <c r="C93" s="220"/>
      <c r="D93" s="220"/>
      <c r="E93" s="221"/>
    </row>
    <row r="94" spans="1:5" s="4" customFormat="1" ht="31.5" customHeight="1" x14ac:dyDescent="0.25">
      <c r="A94" s="222" t="s">
        <v>321</v>
      </c>
      <c r="B94" s="223"/>
      <c r="C94" s="223"/>
      <c r="D94" s="223"/>
      <c r="E94" s="224"/>
    </row>
    <row r="95" spans="1:5" s="4" customFormat="1" ht="36" customHeight="1" x14ac:dyDescent="0.25">
      <c r="A95" s="109" t="s">
        <v>14</v>
      </c>
      <c r="B95" s="128" t="s">
        <v>296</v>
      </c>
      <c r="C95" s="45"/>
      <c r="D95" s="215"/>
      <c r="E95" s="216"/>
    </row>
    <row r="96" spans="1:5" s="4" customFormat="1" ht="36" customHeight="1" x14ac:dyDescent="0.25">
      <c r="A96" s="109" t="s">
        <v>58</v>
      </c>
      <c r="B96" s="129" t="s">
        <v>297</v>
      </c>
      <c r="C96" s="45"/>
      <c r="D96" s="215"/>
      <c r="E96" s="216"/>
    </row>
    <row r="97" spans="1:5" s="4" customFormat="1" ht="27" customHeight="1" x14ac:dyDescent="0.25">
      <c r="A97" s="109" t="s">
        <v>60</v>
      </c>
      <c r="B97" s="129" t="s">
        <v>298</v>
      </c>
      <c r="C97" s="45"/>
      <c r="D97" s="215"/>
      <c r="E97" s="216"/>
    </row>
    <row r="98" spans="1:5" s="4" customFormat="1" ht="27" customHeight="1" x14ac:dyDescent="0.25">
      <c r="A98" s="109" t="s">
        <v>62</v>
      </c>
      <c r="B98" s="129" t="s">
        <v>322</v>
      </c>
      <c r="C98" s="45"/>
      <c r="D98" s="215"/>
      <c r="E98" s="216"/>
    </row>
    <row r="99" spans="1:5" s="4" customFormat="1" ht="27" customHeight="1" x14ac:dyDescent="0.25">
      <c r="A99" s="109" t="s">
        <v>63</v>
      </c>
      <c r="B99" s="129" t="s">
        <v>299</v>
      </c>
      <c r="C99" s="45"/>
      <c r="D99" s="215"/>
      <c r="E99" s="216"/>
    </row>
    <row r="100" spans="1:5" s="4" customFormat="1" ht="27" customHeight="1" x14ac:dyDescent="0.25">
      <c r="A100" s="109" t="s">
        <v>64</v>
      </c>
      <c r="B100" s="129" t="s">
        <v>300</v>
      </c>
      <c r="C100" s="45"/>
      <c r="D100" s="217"/>
      <c r="E100" s="218"/>
    </row>
    <row r="101" spans="1:5" s="4" customFormat="1" ht="36" customHeight="1" x14ac:dyDescent="0.25">
      <c r="A101" s="109" t="s">
        <v>65</v>
      </c>
      <c r="B101" s="129" t="s">
        <v>301</v>
      </c>
      <c r="C101" s="45"/>
      <c r="D101" s="217"/>
      <c r="E101" s="218"/>
    </row>
    <row r="102" spans="1:5" s="4" customFormat="1" ht="27" customHeight="1" x14ac:dyDescent="0.25">
      <c r="A102" s="109" t="s">
        <v>66</v>
      </c>
      <c r="B102" s="89" t="s">
        <v>302</v>
      </c>
      <c r="C102" s="45" t="s">
        <v>201</v>
      </c>
      <c r="D102" s="213"/>
      <c r="E102" s="214"/>
    </row>
    <row r="103" spans="1:5" s="4" customFormat="1" ht="27" customHeight="1" x14ac:dyDescent="0.25">
      <c r="A103" s="110" t="s">
        <v>310</v>
      </c>
      <c r="B103" s="141" t="s">
        <v>308</v>
      </c>
      <c r="C103" s="45"/>
      <c r="D103" s="213"/>
      <c r="E103" s="214"/>
    </row>
    <row r="104" spans="1:5" s="4" customFormat="1" ht="27" customHeight="1" x14ac:dyDescent="0.25">
      <c r="A104" s="110" t="s">
        <v>311</v>
      </c>
      <c r="B104" s="129" t="s">
        <v>303</v>
      </c>
      <c r="C104" s="45"/>
      <c r="D104" s="213"/>
      <c r="E104" s="214"/>
    </row>
    <row r="105" spans="1:5" s="4" customFormat="1" ht="27" customHeight="1" x14ac:dyDescent="0.25">
      <c r="A105" s="110" t="s">
        <v>312</v>
      </c>
      <c r="B105" s="129" t="s">
        <v>304</v>
      </c>
      <c r="C105" s="45"/>
      <c r="D105" s="213"/>
      <c r="E105" s="214"/>
    </row>
    <row r="106" spans="1:5" s="4" customFormat="1" ht="27" customHeight="1" x14ac:dyDescent="0.25">
      <c r="A106" s="110" t="s">
        <v>313</v>
      </c>
      <c r="B106" s="129" t="s">
        <v>305</v>
      </c>
      <c r="C106" s="45"/>
      <c r="D106" s="213"/>
      <c r="E106" s="214"/>
    </row>
    <row r="107" spans="1:5" s="4" customFormat="1" ht="27" customHeight="1" x14ac:dyDescent="0.25">
      <c r="A107" s="110" t="s">
        <v>314</v>
      </c>
      <c r="B107" s="129" t="s">
        <v>306</v>
      </c>
      <c r="C107" s="45"/>
      <c r="D107" s="213"/>
      <c r="E107" s="214"/>
    </row>
    <row r="108" spans="1:5" s="4" customFormat="1" ht="27" customHeight="1" x14ac:dyDescent="0.25">
      <c r="A108" s="110" t="s">
        <v>315</v>
      </c>
      <c r="B108" s="130" t="s">
        <v>307</v>
      </c>
      <c r="C108" s="45"/>
      <c r="D108" s="209"/>
      <c r="E108" s="210"/>
    </row>
    <row r="109" spans="1:5" s="4" customFormat="1" ht="45" customHeight="1" thickBot="1" x14ac:dyDescent="0.3">
      <c r="A109" s="142" t="s">
        <v>67</v>
      </c>
      <c r="B109" s="131" t="s">
        <v>309</v>
      </c>
      <c r="C109" s="46"/>
      <c r="D109" s="211"/>
      <c r="E109" s="212"/>
    </row>
    <row r="110" spans="1:5" s="57" customFormat="1" ht="30" customHeight="1" x14ac:dyDescent="0.25">
      <c r="A110" s="196" t="s">
        <v>35</v>
      </c>
      <c r="B110" s="196"/>
      <c r="C110" s="196"/>
      <c r="D110" s="196"/>
      <c r="E110" s="3"/>
    </row>
    <row r="111" spans="1:5" s="2" customFormat="1" ht="24" x14ac:dyDescent="0.25">
      <c r="A111" s="26" t="s">
        <v>36</v>
      </c>
      <c r="B111" s="169"/>
      <c r="C111" s="169"/>
      <c r="E111" s="57"/>
    </row>
    <row r="112" spans="1:5" s="2" customFormat="1" ht="24" x14ac:dyDescent="0.25">
      <c r="A112" s="26" t="s">
        <v>37</v>
      </c>
      <c r="B112" s="177"/>
      <c r="C112" s="177"/>
      <c r="E112" s="57"/>
    </row>
    <row r="113" spans="1:5" s="2" customFormat="1" ht="24.95" customHeight="1" x14ac:dyDescent="0.25">
      <c r="A113" s="26" t="s">
        <v>38</v>
      </c>
      <c r="B113" s="177"/>
      <c r="C113" s="177"/>
      <c r="E113" s="57"/>
    </row>
    <row r="114" spans="1:5" s="3" customFormat="1" ht="34.5" customHeight="1" x14ac:dyDescent="0.25">
      <c r="A114" s="26" t="s">
        <v>39</v>
      </c>
      <c r="B114" s="177"/>
      <c r="C114" s="177"/>
      <c r="D114" s="2"/>
      <c r="E114" s="28"/>
    </row>
    <row r="115" spans="1:5" s="2" customFormat="1" ht="46.5" customHeight="1" x14ac:dyDescent="0.2">
      <c r="A115" s="10"/>
      <c r="B115" s="11"/>
      <c r="C115" s="11"/>
      <c r="E115" s="29"/>
    </row>
    <row r="116" spans="1:5" s="3" customFormat="1" ht="15" customHeight="1" x14ac:dyDescent="0.25">
      <c r="A116" s="178" t="s">
        <v>40</v>
      </c>
      <c r="B116" s="178"/>
      <c r="C116" s="178"/>
      <c r="D116" s="178"/>
      <c r="E116" s="178"/>
    </row>
    <row r="117" spans="1:5" s="2" customFormat="1" ht="36.75" customHeight="1" x14ac:dyDescent="0.25">
      <c r="A117" s="179" t="s">
        <v>51</v>
      </c>
      <c r="B117" s="179"/>
      <c r="C117" s="179"/>
      <c r="D117" s="179"/>
      <c r="E117" s="179"/>
    </row>
    <row r="118" spans="1:5" s="2" customFormat="1" ht="20.100000000000001" customHeight="1" x14ac:dyDescent="0.2">
      <c r="A118" s="1"/>
      <c r="B118" s="1"/>
      <c r="C118" s="7"/>
      <c r="D118" s="7"/>
    </row>
    <row r="119" spans="1:5" s="3" customFormat="1" ht="4.5" customHeight="1" x14ac:dyDescent="0.2">
      <c r="A119" s="1"/>
      <c r="B119" s="1"/>
      <c r="C119" s="7"/>
      <c r="D119" s="7"/>
      <c r="E119" s="2"/>
    </row>
    <row r="120" spans="1:5" s="3" customFormat="1" ht="20.100000000000001" customHeight="1" x14ac:dyDescent="0.25">
      <c r="A120" s="30" t="s">
        <v>41</v>
      </c>
      <c r="B120" s="54"/>
      <c r="C120" s="31" t="s">
        <v>42</v>
      </c>
      <c r="D120" s="176"/>
      <c r="E120" s="176"/>
    </row>
    <row r="121" spans="1:5" s="3" customFormat="1" ht="20.100000000000001" customHeight="1" x14ac:dyDescent="0.25">
      <c r="A121" s="47" t="s">
        <v>43</v>
      </c>
      <c r="B121" s="55"/>
      <c r="C121" s="32"/>
      <c r="D121" s="33"/>
      <c r="E121" s="33"/>
    </row>
    <row r="122" spans="1:5" ht="20.100000000000001" customHeight="1" x14ac:dyDescent="0.2">
      <c r="C122" s="34" t="s">
        <v>44</v>
      </c>
      <c r="D122" s="169"/>
      <c r="E122" s="169"/>
    </row>
    <row r="123" spans="1:5" s="2" customFormat="1" ht="20.100000000000001" customHeight="1" x14ac:dyDescent="0.2">
      <c r="A123" s="1"/>
      <c r="B123" s="1"/>
      <c r="C123" s="34" t="s">
        <v>45</v>
      </c>
      <c r="D123" s="177"/>
      <c r="E123" s="177"/>
    </row>
    <row r="124" spans="1:5" s="2" customFormat="1" ht="20.100000000000001" customHeight="1" x14ac:dyDescent="0.2">
      <c r="A124" s="1"/>
      <c r="B124" s="1"/>
      <c r="C124" s="35" t="s">
        <v>46</v>
      </c>
      <c r="D124" s="1"/>
    </row>
    <row r="125" spans="1:5" s="2" customFormat="1" ht="37.5" customHeight="1" x14ac:dyDescent="0.25"/>
    <row r="126" spans="1:5" s="2" customFormat="1" ht="24" customHeight="1" x14ac:dyDescent="0.25"/>
    <row r="127" spans="1:5" s="2" customFormat="1" ht="24" customHeight="1" x14ac:dyDescent="0.25"/>
    <row r="128" spans="1:5" s="2" customFormat="1" ht="24" customHeight="1" x14ac:dyDescent="0.25"/>
    <row r="129" spans="1:4" s="2" customFormat="1" ht="20.100000000000001" customHeight="1" x14ac:dyDescent="0.25"/>
    <row r="130" spans="1:4" s="2" customFormat="1" ht="20.100000000000001" customHeight="1" x14ac:dyDescent="0.25"/>
    <row r="131" spans="1:4" s="2" customFormat="1" ht="50.1" customHeight="1" x14ac:dyDescent="0.25"/>
    <row r="132" spans="1:4" s="2" customFormat="1" ht="43.5" customHeight="1" x14ac:dyDescent="0.25"/>
    <row r="133" spans="1:4" ht="24.75" customHeight="1" x14ac:dyDescent="0.2">
      <c r="A133" s="2"/>
      <c r="B133" s="2"/>
      <c r="C133" s="2"/>
      <c r="D133" s="2"/>
    </row>
    <row r="134" spans="1:4" x14ac:dyDescent="0.2">
      <c r="A134" s="2"/>
      <c r="B134" s="2"/>
      <c r="C134" s="2"/>
      <c r="D134" s="2"/>
    </row>
    <row r="135" spans="1:4" ht="20.100000000000001" customHeight="1" x14ac:dyDescent="0.2"/>
    <row r="136" spans="1:4" ht="4.5" customHeight="1" x14ac:dyDescent="0.2"/>
    <row r="137" spans="1:4" ht="20.100000000000001" customHeight="1" x14ac:dyDescent="0.2"/>
    <row r="138" spans="1:4" ht="20.100000000000001" customHeight="1" x14ac:dyDescent="0.2"/>
    <row r="139" spans="1:4" ht="20.100000000000001" customHeight="1" x14ac:dyDescent="0.2"/>
  </sheetData>
  <mergeCells count="112">
    <mergeCell ref="A1:E1"/>
    <mergeCell ref="A2:E2"/>
    <mergeCell ref="A3:E3"/>
    <mergeCell ref="A7:E7"/>
    <mergeCell ref="A8:E8"/>
    <mergeCell ref="A9:E9"/>
    <mergeCell ref="A19:C19"/>
    <mergeCell ref="A20:C20"/>
    <mergeCell ref="A21:E21"/>
    <mergeCell ref="A22:E22"/>
    <mergeCell ref="A23:C23"/>
    <mergeCell ref="A11:E11"/>
    <mergeCell ref="A12:C12"/>
    <mergeCell ref="A13:B13"/>
    <mergeCell ref="A14:B14"/>
    <mergeCell ref="A15:B15"/>
    <mergeCell ref="A16:C16"/>
    <mergeCell ref="A31:B32"/>
    <mergeCell ref="C31:E31"/>
    <mergeCell ref="D32:E32"/>
    <mergeCell ref="A33:E33"/>
    <mergeCell ref="A34:E34"/>
    <mergeCell ref="A35:E35"/>
    <mergeCell ref="B27:C27"/>
    <mergeCell ref="A29:E29"/>
    <mergeCell ref="B24:C24"/>
    <mergeCell ref="A25:E25"/>
    <mergeCell ref="B26:C26"/>
    <mergeCell ref="D42:E42"/>
    <mergeCell ref="D43:E43"/>
    <mergeCell ref="D44:E44"/>
    <mergeCell ref="D45:E45"/>
    <mergeCell ref="D46:E46"/>
    <mergeCell ref="D47:E47"/>
    <mergeCell ref="D36:E36"/>
    <mergeCell ref="D37:E37"/>
    <mergeCell ref="D38:E38"/>
    <mergeCell ref="D39:E39"/>
    <mergeCell ref="D40:E40"/>
    <mergeCell ref="D41:E41"/>
    <mergeCell ref="D54:E54"/>
    <mergeCell ref="D55:E55"/>
    <mergeCell ref="D56:E56"/>
    <mergeCell ref="D57:E57"/>
    <mergeCell ref="D58:E58"/>
    <mergeCell ref="D59:E59"/>
    <mergeCell ref="D48:E48"/>
    <mergeCell ref="D49:E49"/>
    <mergeCell ref="A50:E50"/>
    <mergeCell ref="D51:E51"/>
    <mergeCell ref="D52:E52"/>
    <mergeCell ref="D53:E53"/>
    <mergeCell ref="D66:E66"/>
    <mergeCell ref="D67:E67"/>
    <mergeCell ref="D68:E68"/>
    <mergeCell ref="D69:E69"/>
    <mergeCell ref="D70:E70"/>
    <mergeCell ref="D71:E71"/>
    <mergeCell ref="D60:E60"/>
    <mergeCell ref="D61:E61"/>
    <mergeCell ref="D62:E62"/>
    <mergeCell ref="D63:E63"/>
    <mergeCell ref="A64:E64"/>
    <mergeCell ref="D65:E65"/>
    <mergeCell ref="D78:E78"/>
    <mergeCell ref="D79:E79"/>
    <mergeCell ref="D80:E80"/>
    <mergeCell ref="D81:E81"/>
    <mergeCell ref="D82:E82"/>
    <mergeCell ref="D83:E83"/>
    <mergeCell ref="D72:E72"/>
    <mergeCell ref="D73:E73"/>
    <mergeCell ref="D74:E74"/>
    <mergeCell ref="D75:E75"/>
    <mergeCell ref="D76:E76"/>
    <mergeCell ref="D77:E77"/>
    <mergeCell ref="D90:E90"/>
    <mergeCell ref="D91:E91"/>
    <mergeCell ref="D92:E92"/>
    <mergeCell ref="A93:E93"/>
    <mergeCell ref="A94:E94"/>
    <mergeCell ref="D95:E95"/>
    <mergeCell ref="D84:E84"/>
    <mergeCell ref="A85:E85"/>
    <mergeCell ref="D86:E86"/>
    <mergeCell ref="D87:E87"/>
    <mergeCell ref="D88:E88"/>
    <mergeCell ref="D89:E89"/>
    <mergeCell ref="D108:E108"/>
    <mergeCell ref="D109:E109"/>
    <mergeCell ref="D102:E102"/>
    <mergeCell ref="D103:E103"/>
    <mergeCell ref="D104:E104"/>
    <mergeCell ref="D105:E105"/>
    <mergeCell ref="D106:E106"/>
    <mergeCell ref="D107:E107"/>
    <mergeCell ref="D96:E96"/>
    <mergeCell ref="D97:E97"/>
    <mergeCell ref="D98:E98"/>
    <mergeCell ref="D99:E99"/>
    <mergeCell ref="D100:E100"/>
    <mergeCell ref="D101:E101"/>
    <mergeCell ref="D123:E123"/>
    <mergeCell ref="B113:C113"/>
    <mergeCell ref="B114:C114"/>
    <mergeCell ref="A116:E116"/>
    <mergeCell ref="A117:E117"/>
    <mergeCell ref="D120:E120"/>
    <mergeCell ref="D122:E122"/>
    <mergeCell ref="A110:D110"/>
    <mergeCell ref="B111:C111"/>
    <mergeCell ref="B112:C112"/>
  </mergeCells>
  <conditionalFormatting sqref="B111:C114 C36:C49 C51:C63 C65:C84 C86:C92 C95:C109">
    <cfRule type="containsBlanks" dxfId="13" priority="10">
      <formula>LEN(TRIM(B36))=0</formula>
    </cfRule>
  </conditionalFormatting>
  <conditionalFormatting sqref="D122:E122">
    <cfRule type="containsBlanks" dxfId="12" priority="9">
      <formula>LEN(TRIM(D122))=0</formula>
    </cfRule>
  </conditionalFormatting>
  <conditionalFormatting sqref="D123:E123">
    <cfRule type="containsBlanks" dxfId="11" priority="8">
      <formula>LEN(TRIM(D123))=0</formula>
    </cfRule>
  </conditionalFormatting>
  <conditionalFormatting sqref="B120">
    <cfRule type="containsBlanks" dxfId="10" priority="2">
      <formula>LEN(TRIM(B120))=0</formula>
    </cfRule>
  </conditionalFormatting>
  <conditionalFormatting sqref="B4">
    <cfRule type="containsBlanks" dxfId="9" priority="4">
      <formula>LEN(TRIM(B4))=0</formula>
    </cfRule>
  </conditionalFormatting>
  <conditionalFormatting sqref="B5">
    <cfRule type="containsBlanks" dxfId="8" priority="3">
      <formula>LEN(TRIM(B5))=0</formula>
    </cfRule>
  </conditionalFormatting>
  <conditionalFormatting sqref="B121">
    <cfRule type="containsBlanks" dxfId="7" priority="1">
      <formula>LEN(TRIM(B121))=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59" max="4" man="1"/>
    <brk id="101" max="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pageSetUpPr fitToPage="1"/>
  </sheetPr>
  <dimension ref="A1:F110"/>
  <sheetViews>
    <sheetView showGridLines="0" zoomScale="90" zoomScaleNormal="90" workbookViewId="0">
      <selection activeCell="A9" sqref="A9:E9"/>
    </sheetView>
  </sheetViews>
  <sheetFormatPr defaultColWidth="9.140625" defaultRowHeight="12.75" x14ac:dyDescent="0.2"/>
  <cols>
    <col min="1" max="1" width="14" style="1" customWidth="1"/>
    <col min="2" max="2" width="76.28515625" style="1" customWidth="1"/>
    <col min="3" max="3" width="16.42578125" style="7" customWidth="1"/>
    <col min="4" max="4" width="13.7109375" style="7"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65" t="s">
        <v>49</v>
      </c>
      <c r="B1" s="165"/>
      <c r="C1" s="165"/>
      <c r="D1" s="165"/>
      <c r="E1" s="165"/>
    </row>
    <row r="2" spans="1:5" ht="27.75" customHeight="1" x14ac:dyDescent="0.2">
      <c r="A2" s="164" t="s">
        <v>47</v>
      </c>
      <c r="B2" s="164"/>
      <c r="C2" s="164"/>
      <c r="D2" s="164"/>
      <c r="E2" s="164"/>
    </row>
    <row r="3" spans="1:5" ht="56.1" customHeight="1" x14ac:dyDescent="0.2">
      <c r="A3" s="144" t="s">
        <v>53</v>
      </c>
      <c r="B3" s="144"/>
      <c r="C3" s="144"/>
      <c r="D3" s="144"/>
      <c r="E3" s="144"/>
    </row>
    <row r="4" spans="1:5" ht="24.95" customHeight="1" x14ac:dyDescent="0.2">
      <c r="A4" s="42" t="s">
        <v>52</v>
      </c>
      <c r="B4" s="136"/>
      <c r="C4" s="36"/>
      <c r="D4" s="36"/>
      <c r="E4" s="36"/>
    </row>
    <row r="5" spans="1:5" ht="24.95" customHeight="1" x14ac:dyDescent="0.2">
      <c r="A5" s="42" t="s">
        <v>50</v>
      </c>
      <c r="B5" s="137"/>
      <c r="C5" s="36"/>
      <c r="D5" s="36"/>
      <c r="E5" s="36"/>
    </row>
    <row r="6" spans="1:5" ht="5.0999999999999996" customHeight="1" x14ac:dyDescent="0.2">
      <c r="A6" s="36"/>
      <c r="B6" s="36"/>
      <c r="C6" s="36"/>
      <c r="D6" s="36"/>
      <c r="E6" s="36"/>
    </row>
    <row r="7" spans="1:5" s="2" customFormat="1" ht="20.100000000000001" customHeight="1" x14ac:dyDescent="0.25">
      <c r="A7" s="145" t="s">
        <v>4</v>
      </c>
      <c r="B7" s="145"/>
      <c r="C7" s="145"/>
      <c r="D7" s="145"/>
      <c r="E7" s="145"/>
    </row>
    <row r="8" spans="1:5" s="2" customFormat="1" ht="20.100000000000001" customHeight="1" x14ac:dyDescent="0.25">
      <c r="A8" s="146" t="s">
        <v>8</v>
      </c>
      <c r="B8" s="146"/>
      <c r="C8" s="146"/>
      <c r="D8" s="146"/>
      <c r="E8" s="146"/>
    </row>
    <row r="9" spans="1:5" ht="24.95" customHeight="1" x14ac:dyDescent="0.2">
      <c r="A9" s="147" t="s">
        <v>319</v>
      </c>
      <c r="B9" s="147"/>
      <c r="C9" s="147"/>
      <c r="D9" s="147"/>
      <c r="E9" s="147"/>
    </row>
    <row r="10" spans="1:5" ht="4.5" customHeight="1" x14ac:dyDescent="0.2">
      <c r="A10" s="132"/>
      <c r="B10" s="132"/>
      <c r="C10" s="132"/>
      <c r="D10" s="132"/>
      <c r="E10" s="132"/>
    </row>
    <row r="11" spans="1:5" s="2" customFormat="1" ht="20.100000000000001" customHeight="1" x14ac:dyDescent="0.25">
      <c r="A11" s="148" t="s">
        <v>9</v>
      </c>
      <c r="B11" s="148"/>
      <c r="C11" s="148"/>
      <c r="D11" s="148"/>
      <c r="E11" s="148"/>
    </row>
    <row r="12" spans="1:5" s="2" customFormat="1" ht="24.95" customHeight="1" x14ac:dyDescent="0.2">
      <c r="A12" s="149" t="s">
        <v>106</v>
      </c>
      <c r="B12" s="149"/>
      <c r="C12" s="149"/>
      <c r="D12" s="16"/>
      <c r="E12" s="16"/>
    </row>
    <row r="13" spans="1:5" s="2" customFormat="1" ht="24.95" customHeight="1" x14ac:dyDescent="0.2">
      <c r="A13" s="149" t="s">
        <v>200</v>
      </c>
      <c r="B13" s="149"/>
      <c r="C13" s="133"/>
      <c r="D13" s="16"/>
      <c r="E13" s="16"/>
    </row>
    <row r="14" spans="1:5" s="2" customFormat="1" ht="24.95" customHeight="1" x14ac:dyDescent="0.2">
      <c r="A14" s="149" t="s">
        <v>107</v>
      </c>
      <c r="B14" s="149"/>
      <c r="C14" s="133"/>
      <c r="D14" s="16"/>
      <c r="E14" s="16"/>
    </row>
    <row r="15" spans="1:5" s="2" customFormat="1" ht="24.95" customHeight="1" x14ac:dyDescent="0.2">
      <c r="A15" s="149" t="s">
        <v>108</v>
      </c>
      <c r="B15" s="149"/>
      <c r="C15" s="133"/>
      <c r="D15" s="16"/>
      <c r="E15" s="16"/>
    </row>
    <row r="16" spans="1:5" s="3" customFormat="1" ht="20.100000000000001" customHeight="1" x14ac:dyDescent="0.25">
      <c r="A16" s="149" t="s">
        <v>24</v>
      </c>
      <c r="B16" s="149"/>
      <c r="C16" s="149"/>
      <c r="D16" s="18"/>
      <c r="E16" s="19"/>
    </row>
    <row r="17" spans="1:6" ht="4.5" customHeight="1" x14ac:dyDescent="0.2">
      <c r="A17" s="132"/>
      <c r="B17" s="132"/>
      <c r="C17" s="132"/>
      <c r="D17" s="132"/>
      <c r="E17" s="132"/>
    </row>
    <row r="18" spans="1:6" x14ac:dyDescent="0.2">
      <c r="A18" s="37" t="s">
        <v>10</v>
      </c>
      <c r="B18" s="20"/>
      <c r="C18" s="20"/>
      <c r="D18" s="21"/>
      <c r="E18" s="21"/>
    </row>
    <row r="19" spans="1:6" s="3" customFormat="1" ht="24.95" customHeight="1" x14ac:dyDescent="0.25">
      <c r="A19" s="155" t="s">
        <v>57</v>
      </c>
      <c r="B19" s="155"/>
      <c r="C19" s="155"/>
      <c r="D19" s="18"/>
      <c r="E19" s="19"/>
    </row>
    <row r="20" spans="1:6" ht="5.0999999999999996" customHeight="1" x14ac:dyDescent="0.2">
      <c r="A20" s="156"/>
      <c r="B20" s="156"/>
      <c r="C20" s="156"/>
      <c r="E20" s="17"/>
    </row>
    <row r="21" spans="1:6" s="2" customFormat="1" ht="20.100000000000001" customHeight="1" x14ac:dyDescent="0.25">
      <c r="A21" s="145" t="s">
        <v>21</v>
      </c>
      <c r="B21" s="145"/>
      <c r="C21" s="145"/>
      <c r="D21" s="145"/>
      <c r="E21" s="145"/>
    </row>
    <row r="22" spans="1:6" ht="24.95" customHeight="1" x14ac:dyDescent="0.2">
      <c r="A22" s="149" t="s">
        <v>161</v>
      </c>
      <c r="B22" s="149"/>
      <c r="C22" s="149"/>
      <c r="D22" s="149"/>
      <c r="E22" s="149"/>
    </row>
    <row r="23" spans="1:6" ht="5.0999999999999996" customHeight="1" thickBot="1" x14ac:dyDescent="0.25">
      <c r="A23" s="157"/>
      <c r="B23" s="157"/>
      <c r="C23" s="157"/>
      <c r="E23" s="17"/>
    </row>
    <row r="24" spans="1:6" s="8" customFormat="1" ht="31.5" customHeight="1" thickBot="1" x14ac:dyDescent="0.3">
      <c r="A24" s="97" t="s">
        <v>95</v>
      </c>
      <c r="B24" s="151" t="s">
        <v>12</v>
      </c>
      <c r="C24" s="152"/>
      <c r="D24" s="98" t="s">
        <v>11</v>
      </c>
      <c r="E24" s="99" t="s">
        <v>323</v>
      </c>
    </row>
    <row r="25" spans="1:6" s="8" customFormat="1" ht="31.5" customHeight="1" thickBot="1" x14ac:dyDescent="0.3">
      <c r="A25" s="166" t="s">
        <v>233</v>
      </c>
      <c r="B25" s="167"/>
      <c r="C25" s="167"/>
      <c r="D25" s="167"/>
      <c r="E25" s="168"/>
    </row>
    <row r="26" spans="1:6" s="8" customFormat="1" ht="42" customHeight="1" x14ac:dyDescent="0.25">
      <c r="A26" s="95" t="s">
        <v>162</v>
      </c>
      <c r="B26" s="200" t="s">
        <v>109</v>
      </c>
      <c r="C26" s="201"/>
      <c r="D26" s="96" t="s">
        <v>1</v>
      </c>
      <c r="E26" s="139">
        <v>9</v>
      </c>
    </row>
    <row r="27" spans="1:6" s="8" customFormat="1" ht="42" customHeight="1" thickBot="1" x14ac:dyDescent="0.3">
      <c r="A27" s="93" t="s">
        <v>163</v>
      </c>
      <c r="B27" s="202" t="s">
        <v>164</v>
      </c>
      <c r="C27" s="203"/>
      <c r="D27" s="94" t="s">
        <v>1</v>
      </c>
      <c r="E27" s="140">
        <v>9</v>
      </c>
    </row>
    <row r="28" spans="1:6" s="8" customFormat="1" ht="4.5" customHeight="1" x14ac:dyDescent="0.25">
      <c r="A28" s="134"/>
      <c r="B28" s="134"/>
      <c r="C28" s="134"/>
      <c r="D28" s="134"/>
      <c r="E28" s="134"/>
    </row>
    <row r="29" spans="1:6" ht="5.0999999999999996" customHeight="1" x14ac:dyDescent="0.2"/>
    <row r="30" spans="1:6" s="2" customFormat="1" ht="20.100000000000001" customHeight="1" x14ac:dyDescent="0.25">
      <c r="A30" s="145" t="s">
        <v>23</v>
      </c>
      <c r="B30" s="145"/>
      <c r="C30" s="145"/>
      <c r="D30" s="145"/>
      <c r="E30" s="145"/>
    </row>
    <row r="31" spans="1:6" s="2" customFormat="1" ht="5.0999999999999996" customHeight="1" thickBot="1" x14ac:dyDescent="0.3">
      <c r="A31" s="17"/>
      <c r="C31" s="135"/>
      <c r="D31" s="135"/>
      <c r="E31" s="135"/>
    </row>
    <row r="32" spans="1:6" s="3" customFormat="1" ht="93" customHeight="1" x14ac:dyDescent="0.25">
      <c r="A32" s="182" t="s">
        <v>0</v>
      </c>
      <c r="B32" s="183"/>
      <c r="C32" s="186" t="s">
        <v>25</v>
      </c>
      <c r="D32" s="187"/>
      <c r="E32" s="188"/>
      <c r="F32" s="22"/>
    </row>
    <row r="33" spans="1:5" s="3" customFormat="1" ht="30" customHeight="1" thickBot="1" x14ac:dyDescent="0.3">
      <c r="A33" s="236"/>
      <c r="B33" s="237"/>
      <c r="C33" s="102" t="s">
        <v>26</v>
      </c>
      <c r="D33" s="238" t="s">
        <v>27</v>
      </c>
      <c r="E33" s="239"/>
    </row>
    <row r="34" spans="1:5" s="4" customFormat="1" ht="31.5" customHeight="1" thickBot="1" x14ac:dyDescent="0.3">
      <c r="A34" s="253" t="s">
        <v>233</v>
      </c>
      <c r="B34" s="254"/>
      <c r="C34" s="254"/>
      <c r="D34" s="254"/>
      <c r="E34" s="255"/>
    </row>
    <row r="35" spans="1:5" s="4" customFormat="1" ht="31.5" customHeight="1" thickBot="1" x14ac:dyDescent="0.3">
      <c r="A35" s="256" t="s">
        <v>110</v>
      </c>
      <c r="B35" s="257"/>
      <c r="C35" s="257"/>
      <c r="D35" s="257"/>
      <c r="E35" s="258"/>
    </row>
    <row r="36" spans="1:5" s="4" customFormat="1" ht="31.5" customHeight="1" x14ac:dyDescent="0.25">
      <c r="A36" s="245" t="s">
        <v>226</v>
      </c>
      <c r="B36" s="246"/>
      <c r="C36" s="246"/>
      <c r="D36" s="246"/>
      <c r="E36" s="247"/>
    </row>
    <row r="37" spans="1:5" s="4" customFormat="1" ht="36" customHeight="1" x14ac:dyDescent="0.25">
      <c r="A37" s="111" t="s">
        <v>14</v>
      </c>
      <c r="B37" s="104" t="s">
        <v>202</v>
      </c>
      <c r="C37" s="45"/>
      <c r="D37" s="228"/>
      <c r="E37" s="229"/>
    </row>
    <row r="38" spans="1:5" s="4" customFormat="1" ht="36" customHeight="1" x14ac:dyDescent="0.25">
      <c r="A38" s="111" t="s">
        <v>58</v>
      </c>
      <c r="B38" s="104" t="s">
        <v>203</v>
      </c>
      <c r="C38" s="45"/>
      <c r="D38" s="228"/>
      <c r="E38" s="229"/>
    </row>
    <row r="39" spans="1:5" s="4" customFormat="1" ht="27" customHeight="1" x14ac:dyDescent="0.25">
      <c r="A39" s="111" t="s">
        <v>60</v>
      </c>
      <c r="B39" s="122" t="s">
        <v>204</v>
      </c>
      <c r="C39" s="45"/>
      <c r="D39" s="228"/>
      <c r="E39" s="229"/>
    </row>
    <row r="40" spans="1:5" s="4" customFormat="1" ht="27" customHeight="1" x14ac:dyDescent="0.25">
      <c r="A40" s="111" t="s">
        <v>62</v>
      </c>
      <c r="B40" s="105" t="s">
        <v>205</v>
      </c>
      <c r="C40" s="45"/>
      <c r="D40" s="217"/>
      <c r="E40" s="218"/>
    </row>
    <row r="41" spans="1:5" s="4" customFormat="1" ht="27" customHeight="1" x14ac:dyDescent="0.25">
      <c r="A41" s="111" t="s">
        <v>63</v>
      </c>
      <c r="B41" s="105" t="s">
        <v>206</v>
      </c>
      <c r="C41" s="45"/>
      <c r="D41" s="217"/>
      <c r="E41" s="218"/>
    </row>
    <row r="42" spans="1:5" s="4" customFormat="1" ht="27" customHeight="1" x14ac:dyDescent="0.25">
      <c r="A42" s="111" t="s">
        <v>64</v>
      </c>
      <c r="B42" s="105" t="s">
        <v>207</v>
      </c>
      <c r="C42" s="45"/>
      <c r="D42" s="217"/>
      <c r="E42" s="218"/>
    </row>
    <row r="43" spans="1:5" s="4" customFormat="1" ht="27" customHeight="1" x14ac:dyDescent="0.25">
      <c r="A43" s="111" t="s">
        <v>65</v>
      </c>
      <c r="B43" s="105" t="s">
        <v>208</v>
      </c>
      <c r="C43" s="45"/>
      <c r="D43" s="217"/>
      <c r="E43" s="218"/>
    </row>
    <row r="44" spans="1:5" s="4" customFormat="1" ht="36" customHeight="1" x14ac:dyDescent="0.25">
      <c r="A44" s="111" t="s">
        <v>66</v>
      </c>
      <c r="B44" s="104" t="s">
        <v>209</v>
      </c>
      <c r="C44" s="45"/>
      <c r="D44" s="217"/>
      <c r="E44" s="218"/>
    </row>
    <row r="45" spans="1:5" s="4" customFormat="1" ht="27" customHeight="1" x14ac:dyDescent="0.25">
      <c r="A45" s="111" t="s">
        <v>67</v>
      </c>
      <c r="B45" s="105" t="s">
        <v>210</v>
      </c>
      <c r="C45" s="45"/>
      <c r="D45" s="217"/>
      <c r="E45" s="218"/>
    </row>
    <row r="46" spans="1:5" s="4" customFormat="1" ht="27" customHeight="1" x14ac:dyDescent="0.25">
      <c r="A46" s="111" t="s">
        <v>93</v>
      </c>
      <c r="B46" s="104" t="s">
        <v>197</v>
      </c>
      <c r="C46" s="45"/>
      <c r="D46" s="217"/>
      <c r="E46" s="218"/>
    </row>
    <row r="47" spans="1:5" s="4" customFormat="1" ht="27" customHeight="1" x14ac:dyDescent="0.25">
      <c r="A47" s="111" t="s">
        <v>69</v>
      </c>
      <c r="B47" s="105" t="s">
        <v>228</v>
      </c>
      <c r="C47" s="45"/>
      <c r="D47" s="217"/>
      <c r="E47" s="218"/>
    </row>
    <row r="48" spans="1:5" s="4" customFormat="1" ht="36" customHeight="1" x14ac:dyDescent="0.25">
      <c r="A48" s="111" t="s">
        <v>70</v>
      </c>
      <c r="B48" s="104" t="s">
        <v>211</v>
      </c>
      <c r="C48" s="45"/>
      <c r="D48" s="217"/>
      <c r="E48" s="218"/>
    </row>
    <row r="49" spans="1:5" s="4" customFormat="1" ht="26.25" customHeight="1" x14ac:dyDescent="0.25">
      <c r="A49" s="111" t="s">
        <v>71</v>
      </c>
      <c r="B49" s="104" t="s">
        <v>112</v>
      </c>
      <c r="C49" s="45"/>
      <c r="D49" s="217"/>
      <c r="E49" s="218"/>
    </row>
    <row r="50" spans="1:5" s="4" customFormat="1" ht="45" customHeight="1" x14ac:dyDescent="0.25">
      <c r="A50" s="111" t="s">
        <v>76</v>
      </c>
      <c r="B50" s="104" t="s">
        <v>113</v>
      </c>
      <c r="C50" s="45"/>
      <c r="D50" s="217"/>
      <c r="E50" s="218"/>
    </row>
    <row r="51" spans="1:5" s="4" customFormat="1" ht="36" customHeight="1" x14ac:dyDescent="0.25">
      <c r="A51" s="111" t="s">
        <v>77</v>
      </c>
      <c r="B51" s="104" t="s">
        <v>212</v>
      </c>
      <c r="C51" s="45"/>
      <c r="D51" s="217"/>
      <c r="E51" s="218"/>
    </row>
    <row r="52" spans="1:5" s="4" customFormat="1" ht="26.25" customHeight="1" x14ac:dyDescent="0.25">
      <c r="A52" s="111" t="s">
        <v>78</v>
      </c>
      <c r="B52" s="104" t="s">
        <v>213</v>
      </c>
      <c r="C52" s="45"/>
      <c r="D52" s="228"/>
      <c r="E52" s="229"/>
    </row>
    <row r="53" spans="1:5" s="4" customFormat="1" ht="36" customHeight="1" x14ac:dyDescent="0.25">
      <c r="A53" s="111" t="s">
        <v>79</v>
      </c>
      <c r="B53" s="104" t="s">
        <v>214</v>
      </c>
      <c r="C53" s="45"/>
      <c r="D53" s="228"/>
      <c r="E53" s="229"/>
    </row>
    <row r="54" spans="1:5" s="4" customFormat="1" ht="45" customHeight="1" x14ac:dyDescent="0.25">
      <c r="A54" s="111" t="s">
        <v>81</v>
      </c>
      <c r="B54" s="104" t="s">
        <v>215</v>
      </c>
      <c r="C54" s="45"/>
      <c r="D54" s="228"/>
      <c r="E54" s="229"/>
    </row>
    <row r="55" spans="1:5" s="4" customFormat="1" ht="27" customHeight="1" x14ac:dyDescent="0.25">
      <c r="A55" s="111" t="s">
        <v>83</v>
      </c>
      <c r="B55" s="104" t="s">
        <v>114</v>
      </c>
      <c r="C55" s="45"/>
      <c r="D55" s="228"/>
      <c r="E55" s="229"/>
    </row>
    <row r="56" spans="1:5" s="4" customFormat="1" ht="27" customHeight="1" x14ac:dyDescent="0.25">
      <c r="A56" s="111" t="s">
        <v>85</v>
      </c>
      <c r="B56" s="104" t="s">
        <v>115</v>
      </c>
      <c r="C56" s="45"/>
      <c r="D56" s="228"/>
      <c r="E56" s="229"/>
    </row>
    <row r="57" spans="1:5" s="4" customFormat="1" ht="27" customHeight="1" x14ac:dyDescent="0.25">
      <c r="A57" s="111" t="s">
        <v>86</v>
      </c>
      <c r="B57" s="104" t="s">
        <v>116</v>
      </c>
      <c r="C57" s="45"/>
      <c r="D57" s="228"/>
      <c r="E57" s="229"/>
    </row>
    <row r="58" spans="1:5" s="4" customFormat="1" ht="45" customHeight="1" x14ac:dyDescent="0.25">
      <c r="A58" s="111" t="s">
        <v>88</v>
      </c>
      <c r="B58" s="104" t="s">
        <v>229</v>
      </c>
      <c r="C58" s="45"/>
      <c r="D58" s="228"/>
      <c r="E58" s="229"/>
    </row>
    <row r="59" spans="1:5" s="4" customFormat="1" ht="45.75" customHeight="1" x14ac:dyDescent="0.25">
      <c r="A59" s="111" t="s">
        <v>89</v>
      </c>
      <c r="B59" s="104" t="s">
        <v>230</v>
      </c>
      <c r="C59" s="45"/>
      <c r="D59" s="228"/>
      <c r="E59" s="229"/>
    </row>
    <row r="60" spans="1:5" s="4" customFormat="1" ht="47.25" customHeight="1" thickBot="1" x14ac:dyDescent="0.3">
      <c r="A60" s="112" t="s">
        <v>90</v>
      </c>
      <c r="B60" s="106" t="s">
        <v>231</v>
      </c>
      <c r="C60" s="103"/>
      <c r="D60" s="248"/>
      <c r="E60" s="249"/>
    </row>
    <row r="61" spans="1:5" s="4" customFormat="1" ht="31.5" customHeight="1" thickBot="1" x14ac:dyDescent="0.3">
      <c r="A61" s="250" t="s">
        <v>216</v>
      </c>
      <c r="B61" s="251"/>
      <c r="C61" s="251"/>
      <c r="D61" s="251"/>
      <c r="E61" s="252"/>
    </row>
    <row r="62" spans="1:5" s="4" customFormat="1" ht="31.5" customHeight="1" x14ac:dyDescent="0.25">
      <c r="A62" s="245" t="s">
        <v>227</v>
      </c>
      <c r="B62" s="246"/>
      <c r="C62" s="246"/>
      <c r="D62" s="246"/>
      <c r="E62" s="247"/>
    </row>
    <row r="63" spans="1:5" s="4" customFormat="1" ht="31.5" customHeight="1" x14ac:dyDescent="0.25">
      <c r="A63" s="111" t="s">
        <v>14</v>
      </c>
      <c r="B63" s="104" t="s">
        <v>217</v>
      </c>
      <c r="C63" s="45"/>
      <c r="D63" s="213"/>
      <c r="E63" s="214"/>
    </row>
    <row r="64" spans="1:5" s="4" customFormat="1" ht="31.5" customHeight="1" x14ac:dyDescent="0.25">
      <c r="A64" s="111" t="s">
        <v>58</v>
      </c>
      <c r="B64" s="104" t="s">
        <v>218</v>
      </c>
      <c r="C64" s="45"/>
      <c r="D64" s="213"/>
      <c r="E64" s="214"/>
    </row>
    <row r="65" spans="1:5" s="4" customFormat="1" ht="31.5" customHeight="1" x14ac:dyDescent="0.25">
      <c r="A65" s="111" t="s">
        <v>60</v>
      </c>
      <c r="B65" s="104" t="s">
        <v>219</v>
      </c>
      <c r="C65" s="45"/>
      <c r="D65" s="213"/>
      <c r="E65" s="214"/>
    </row>
    <row r="66" spans="1:5" s="4" customFormat="1" ht="31.5" customHeight="1" x14ac:dyDescent="0.25">
      <c r="A66" s="111" t="s">
        <v>62</v>
      </c>
      <c r="B66" s="104" t="s">
        <v>220</v>
      </c>
      <c r="C66" s="45"/>
      <c r="D66" s="213"/>
      <c r="E66" s="214"/>
    </row>
    <row r="67" spans="1:5" s="4" customFormat="1" ht="31.5" customHeight="1" x14ac:dyDescent="0.25">
      <c r="A67" s="111" t="s">
        <v>63</v>
      </c>
      <c r="B67" s="104" t="s">
        <v>232</v>
      </c>
      <c r="C67" s="45"/>
      <c r="D67" s="213"/>
      <c r="E67" s="214"/>
    </row>
    <row r="68" spans="1:5" s="4" customFormat="1" ht="31.5" customHeight="1" x14ac:dyDescent="0.25">
      <c r="A68" s="111" t="s">
        <v>64</v>
      </c>
      <c r="B68" s="104" t="s">
        <v>117</v>
      </c>
      <c r="C68" s="45"/>
      <c r="D68" s="213"/>
      <c r="E68" s="214"/>
    </row>
    <row r="69" spans="1:5" s="4" customFormat="1" ht="31.5" customHeight="1" x14ac:dyDescent="0.25">
      <c r="A69" s="111" t="s">
        <v>65</v>
      </c>
      <c r="B69" s="104" t="s">
        <v>221</v>
      </c>
      <c r="C69" s="45"/>
      <c r="D69" s="213"/>
      <c r="E69" s="214"/>
    </row>
    <row r="70" spans="1:5" s="4" customFormat="1" ht="31.5" customHeight="1" x14ac:dyDescent="0.25">
      <c r="A70" s="111" t="s">
        <v>66</v>
      </c>
      <c r="B70" s="104" t="s">
        <v>118</v>
      </c>
      <c r="C70" s="45"/>
      <c r="D70" s="213"/>
      <c r="E70" s="214"/>
    </row>
    <row r="71" spans="1:5" s="4" customFormat="1" ht="31.5" customHeight="1" x14ac:dyDescent="0.25">
      <c r="A71" s="111" t="s">
        <v>67</v>
      </c>
      <c r="B71" s="104" t="s">
        <v>222</v>
      </c>
      <c r="C71" s="45"/>
      <c r="D71" s="213"/>
      <c r="E71" s="214"/>
    </row>
    <row r="72" spans="1:5" s="4" customFormat="1" ht="31.5" customHeight="1" x14ac:dyDescent="0.25">
      <c r="A72" s="111" t="s">
        <v>93</v>
      </c>
      <c r="B72" s="105" t="s">
        <v>223</v>
      </c>
      <c r="C72" s="45"/>
      <c r="D72" s="213"/>
      <c r="E72" s="214"/>
    </row>
    <row r="73" spans="1:5" s="4" customFormat="1" ht="31.5" customHeight="1" x14ac:dyDescent="0.25">
      <c r="A73" s="111" t="s">
        <v>69</v>
      </c>
      <c r="B73" s="104" t="s">
        <v>209</v>
      </c>
      <c r="C73" s="45"/>
      <c r="D73" s="213"/>
      <c r="E73" s="214"/>
    </row>
    <row r="74" spans="1:5" s="4" customFormat="1" ht="31.5" customHeight="1" x14ac:dyDescent="0.25">
      <c r="A74" s="111" t="s">
        <v>70</v>
      </c>
      <c r="B74" s="105" t="s">
        <v>224</v>
      </c>
      <c r="C74" s="45"/>
      <c r="D74" s="213"/>
      <c r="E74" s="214"/>
    </row>
    <row r="75" spans="1:5" s="4" customFormat="1" ht="31.5" customHeight="1" x14ac:dyDescent="0.25">
      <c r="A75" s="111" t="s">
        <v>71</v>
      </c>
      <c r="B75" s="104" t="s">
        <v>197</v>
      </c>
      <c r="C75" s="45"/>
      <c r="D75" s="213"/>
      <c r="E75" s="214"/>
    </row>
    <row r="76" spans="1:5" s="4" customFormat="1" ht="31.5" customHeight="1" x14ac:dyDescent="0.25">
      <c r="A76" s="111" t="s">
        <v>76</v>
      </c>
      <c r="B76" s="105" t="s">
        <v>198</v>
      </c>
      <c r="C76" s="45"/>
      <c r="D76" s="213"/>
      <c r="E76" s="214"/>
    </row>
    <row r="77" spans="1:5" s="4" customFormat="1" ht="31.5" customHeight="1" x14ac:dyDescent="0.25">
      <c r="A77" s="111" t="s">
        <v>77</v>
      </c>
      <c r="B77" s="104" t="s">
        <v>111</v>
      </c>
      <c r="C77" s="45"/>
      <c r="D77" s="213"/>
      <c r="E77" s="214"/>
    </row>
    <row r="78" spans="1:5" s="4" customFormat="1" ht="31.5" customHeight="1" x14ac:dyDescent="0.25">
      <c r="A78" s="111" t="s">
        <v>78</v>
      </c>
      <c r="B78" s="104" t="s">
        <v>199</v>
      </c>
      <c r="C78" s="45"/>
      <c r="D78" s="213"/>
      <c r="E78" s="214"/>
    </row>
    <row r="79" spans="1:5" s="4" customFormat="1" ht="31.5" customHeight="1" thickBot="1" x14ac:dyDescent="0.3">
      <c r="A79" s="124" t="s">
        <v>79</v>
      </c>
      <c r="B79" s="123" t="s">
        <v>225</v>
      </c>
      <c r="C79" s="46"/>
      <c r="D79" s="243"/>
      <c r="E79" s="244"/>
    </row>
    <row r="80" spans="1:5" s="3" customFormat="1" ht="4.5" customHeight="1" x14ac:dyDescent="0.25">
      <c r="A80" s="113"/>
      <c r="B80" s="5"/>
      <c r="C80" s="6"/>
      <c r="D80" s="6"/>
      <c r="E80" s="114"/>
    </row>
    <row r="81" spans="1:5" s="57" customFormat="1" ht="30" customHeight="1" x14ac:dyDescent="0.25">
      <c r="A81" s="196" t="s">
        <v>35</v>
      </c>
      <c r="B81" s="196"/>
      <c r="C81" s="196"/>
      <c r="D81" s="196"/>
      <c r="E81" s="3"/>
    </row>
    <row r="82" spans="1:5" s="2" customFormat="1" ht="24" x14ac:dyDescent="0.25">
      <c r="A82" s="26" t="s">
        <v>36</v>
      </c>
      <c r="B82" s="169"/>
      <c r="C82" s="169"/>
      <c r="E82" s="57"/>
    </row>
    <row r="83" spans="1:5" s="2" customFormat="1" ht="24" x14ac:dyDescent="0.25">
      <c r="A83" s="26" t="s">
        <v>37</v>
      </c>
      <c r="B83" s="177"/>
      <c r="C83" s="177"/>
      <c r="E83" s="57"/>
    </row>
    <row r="84" spans="1:5" s="2" customFormat="1" ht="24.95" customHeight="1" x14ac:dyDescent="0.25">
      <c r="A84" s="26" t="s">
        <v>38</v>
      </c>
      <c r="B84" s="177"/>
      <c r="C84" s="177"/>
      <c r="E84" s="57"/>
    </row>
    <row r="85" spans="1:5" s="3" customFormat="1" ht="34.5" customHeight="1" x14ac:dyDescent="0.25">
      <c r="A85" s="26" t="s">
        <v>39</v>
      </c>
      <c r="B85" s="177"/>
      <c r="C85" s="177"/>
      <c r="D85" s="2"/>
      <c r="E85" s="28"/>
    </row>
    <row r="86" spans="1:5" s="2" customFormat="1" ht="46.5" customHeight="1" x14ac:dyDescent="0.2">
      <c r="A86" s="10"/>
      <c r="B86" s="11"/>
      <c r="C86" s="11"/>
      <c r="E86" s="29"/>
    </row>
    <row r="87" spans="1:5" s="3" customFormat="1" ht="15" customHeight="1" x14ac:dyDescent="0.25">
      <c r="A87" s="178" t="s">
        <v>40</v>
      </c>
      <c r="B87" s="178"/>
      <c r="C87" s="178"/>
      <c r="D87" s="178"/>
      <c r="E87" s="178"/>
    </row>
    <row r="88" spans="1:5" s="2" customFormat="1" ht="36.75" customHeight="1" x14ac:dyDescent="0.25">
      <c r="A88" s="179" t="s">
        <v>51</v>
      </c>
      <c r="B88" s="179"/>
      <c r="C88" s="179"/>
      <c r="D88" s="179"/>
      <c r="E88" s="179"/>
    </row>
    <row r="89" spans="1:5" s="2" customFormat="1" ht="20.100000000000001" customHeight="1" x14ac:dyDescent="0.2">
      <c r="A89" s="1"/>
      <c r="B89" s="1"/>
      <c r="C89" s="7"/>
      <c r="D89" s="7"/>
    </row>
    <row r="90" spans="1:5" s="3" customFormat="1" ht="4.5" customHeight="1" x14ac:dyDescent="0.2">
      <c r="A90" s="1"/>
      <c r="B90" s="1"/>
      <c r="C90" s="7"/>
      <c r="D90" s="7"/>
      <c r="E90" s="2"/>
    </row>
    <row r="91" spans="1:5" s="3" customFormat="1" ht="20.100000000000001" customHeight="1" x14ac:dyDescent="0.25">
      <c r="A91" s="30" t="s">
        <v>41</v>
      </c>
      <c r="B91" s="54"/>
      <c r="C91" s="31" t="s">
        <v>42</v>
      </c>
      <c r="D91" s="176"/>
      <c r="E91" s="176"/>
    </row>
    <row r="92" spans="1:5" s="3" customFormat="1" ht="20.100000000000001" customHeight="1" x14ac:dyDescent="0.25">
      <c r="A92" s="47" t="s">
        <v>43</v>
      </c>
      <c r="B92" s="55"/>
      <c r="C92" s="32"/>
      <c r="D92" s="33"/>
      <c r="E92" s="33"/>
    </row>
    <row r="93" spans="1:5" ht="20.100000000000001" customHeight="1" x14ac:dyDescent="0.2">
      <c r="C93" s="34" t="s">
        <v>44</v>
      </c>
      <c r="D93" s="169"/>
      <c r="E93" s="169"/>
    </row>
    <row r="94" spans="1:5" s="2" customFormat="1" ht="20.100000000000001" customHeight="1" x14ac:dyDescent="0.2">
      <c r="A94" s="1"/>
      <c r="B94" s="1"/>
      <c r="C94" s="34" t="s">
        <v>45</v>
      </c>
      <c r="D94" s="177"/>
      <c r="E94" s="177"/>
    </row>
    <row r="95" spans="1:5" s="2" customFormat="1" ht="20.100000000000001" customHeight="1" x14ac:dyDescent="0.2">
      <c r="A95" s="1"/>
      <c r="B95" s="1"/>
      <c r="C95" s="35" t="s">
        <v>46</v>
      </c>
      <c r="D95" s="1"/>
    </row>
    <row r="96" spans="1:5" s="2" customFormat="1" ht="37.5" customHeight="1" x14ac:dyDescent="0.25"/>
    <row r="97" spans="1:4" s="2" customFormat="1" ht="24" customHeight="1" x14ac:dyDescent="0.25"/>
    <row r="98" spans="1:4" s="2" customFormat="1" ht="24" customHeight="1" x14ac:dyDescent="0.25"/>
    <row r="99" spans="1:4" s="2" customFormat="1" ht="24" customHeight="1" x14ac:dyDescent="0.25"/>
    <row r="100" spans="1:4" s="2" customFormat="1" ht="20.100000000000001" customHeight="1" x14ac:dyDescent="0.25"/>
    <row r="101" spans="1:4" s="2" customFormat="1" ht="20.100000000000001" customHeight="1" x14ac:dyDescent="0.25"/>
    <row r="102" spans="1:4" s="2" customFormat="1" ht="50.1" customHeight="1" x14ac:dyDescent="0.25"/>
    <row r="103" spans="1:4" s="2" customFormat="1" ht="43.5" customHeight="1" x14ac:dyDescent="0.25"/>
    <row r="104" spans="1:4" ht="24.75" customHeight="1" x14ac:dyDescent="0.2">
      <c r="A104" s="2"/>
      <c r="B104" s="2"/>
      <c r="C104" s="2"/>
      <c r="D104" s="2"/>
    </row>
    <row r="105" spans="1:4" x14ac:dyDescent="0.2">
      <c r="A105" s="2"/>
      <c r="B105" s="2"/>
      <c r="C105" s="2"/>
      <c r="D105" s="2"/>
    </row>
    <row r="106" spans="1:4" ht="20.100000000000001" customHeight="1" x14ac:dyDescent="0.2"/>
    <row r="107" spans="1:4" ht="4.5" customHeight="1" x14ac:dyDescent="0.2"/>
    <row r="108" spans="1:4" ht="20.100000000000001" customHeight="1" x14ac:dyDescent="0.2"/>
    <row r="109" spans="1:4" ht="20.100000000000001" customHeight="1" x14ac:dyDescent="0.2"/>
    <row r="110" spans="1:4" ht="20.100000000000001" customHeight="1" x14ac:dyDescent="0.2"/>
  </sheetData>
  <mergeCells count="81">
    <mergeCell ref="A16:C16"/>
    <mergeCell ref="A1:E1"/>
    <mergeCell ref="A2:E2"/>
    <mergeCell ref="A3:E3"/>
    <mergeCell ref="A7:E7"/>
    <mergeCell ref="A8:E8"/>
    <mergeCell ref="A9:E9"/>
    <mergeCell ref="A11:E11"/>
    <mergeCell ref="A12:C12"/>
    <mergeCell ref="A13:B13"/>
    <mergeCell ref="A14:B14"/>
    <mergeCell ref="A15:B15"/>
    <mergeCell ref="A19:C19"/>
    <mergeCell ref="A20:C20"/>
    <mergeCell ref="A21:E21"/>
    <mergeCell ref="A22:E22"/>
    <mergeCell ref="A23:C23"/>
    <mergeCell ref="A25:E25"/>
    <mergeCell ref="B26:C26"/>
    <mergeCell ref="B27:C27"/>
    <mergeCell ref="A30:E30"/>
    <mergeCell ref="B24:C24"/>
    <mergeCell ref="A34:E34"/>
    <mergeCell ref="A35:E35"/>
    <mergeCell ref="A36:E36"/>
    <mergeCell ref="D37:E37"/>
    <mergeCell ref="A32:B33"/>
    <mergeCell ref="C32:E32"/>
    <mergeCell ref="D33:E33"/>
    <mergeCell ref="D49:E49"/>
    <mergeCell ref="D38:E38"/>
    <mergeCell ref="D39:E39"/>
    <mergeCell ref="D40:E40"/>
    <mergeCell ref="D41:E41"/>
    <mergeCell ref="D42:E42"/>
    <mergeCell ref="D43:E43"/>
    <mergeCell ref="D44:E44"/>
    <mergeCell ref="D45:E45"/>
    <mergeCell ref="D46:E46"/>
    <mergeCell ref="D47:E47"/>
    <mergeCell ref="D48:E48"/>
    <mergeCell ref="A61:E61"/>
    <mergeCell ref="D50:E50"/>
    <mergeCell ref="D51:E51"/>
    <mergeCell ref="D52:E52"/>
    <mergeCell ref="D53:E53"/>
    <mergeCell ref="D54:E54"/>
    <mergeCell ref="D55:E55"/>
    <mergeCell ref="D56:E56"/>
    <mergeCell ref="D57:E57"/>
    <mergeCell ref="D58:E58"/>
    <mergeCell ref="D59:E59"/>
    <mergeCell ref="D60:E60"/>
    <mergeCell ref="D73:E73"/>
    <mergeCell ref="A62:E62"/>
    <mergeCell ref="D63:E63"/>
    <mergeCell ref="D64:E64"/>
    <mergeCell ref="D65:E65"/>
    <mergeCell ref="D66:E66"/>
    <mergeCell ref="D67:E67"/>
    <mergeCell ref="D68:E68"/>
    <mergeCell ref="D69:E69"/>
    <mergeCell ref="D70:E70"/>
    <mergeCell ref="D71:E71"/>
    <mergeCell ref="D72:E72"/>
    <mergeCell ref="A81:D81"/>
    <mergeCell ref="B82:C82"/>
    <mergeCell ref="B83:C83"/>
    <mergeCell ref="D74:E74"/>
    <mergeCell ref="D75:E75"/>
    <mergeCell ref="D76:E76"/>
    <mergeCell ref="D77:E77"/>
    <mergeCell ref="D78:E78"/>
    <mergeCell ref="D79:E79"/>
    <mergeCell ref="D94:E94"/>
    <mergeCell ref="B84:C84"/>
    <mergeCell ref="B85:C85"/>
    <mergeCell ref="A87:E87"/>
    <mergeCell ref="A88:E88"/>
    <mergeCell ref="D91:E91"/>
    <mergeCell ref="D93:E93"/>
  </mergeCells>
  <conditionalFormatting sqref="B82:C85 C37:C60 C63:C79">
    <cfRule type="containsBlanks" dxfId="6" priority="10">
      <formula>LEN(TRIM(B37))=0</formula>
    </cfRule>
  </conditionalFormatting>
  <conditionalFormatting sqref="D93:E93">
    <cfRule type="containsBlanks" dxfId="5" priority="9">
      <formula>LEN(TRIM(D93))=0</formula>
    </cfRule>
  </conditionalFormatting>
  <conditionalFormatting sqref="D94:E94">
    <cfRule type="containsBlanks" dxfId="4" priority="8">
      <formula>LEN(TRIM(D94))=0</formula>
    </cfRule>
  </conditionalFormatting>
  <conditionalFormatting sqref="B91">
    <cfRule type="containsBlanks" dxfId="3" priority="2">
      <formula>LEN(TRIM(B91))=0</formula>
    </cfRule>
  </conditionalFormatting>
  <conditionalFormatting sqref="B4">
    <cfRule type="containsBlanks" dxfId="2" priority="4">
      <formula>LEN(TRIM(B4))=0</formula>
    </cfRule>
  </conditionalFormatting>
  <conditionalFormatting sqref="B5">
    <cfRule type="containsBlanks" dxfId="1" priority="3">
      <formula>LEN(TRIM(B5))=0</formula>
    </cfRule>
  </conditionalFormatting>
  <conditionalFormatting sqref="B92">
    <cfRule type="containsBlanks" dxfId="0" priority="1">
      <formula>LEN(TRIM(B92))=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58" max="4"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3</vt:i4>
      </vt:variant>
    </vt:vector>
  </HeadingPairs>
  <TitlesOfParts>
    <vt:vector size="6" baseType="lpstr">
      <vt:lpstr>PTK Ponuka</vt:lpstr>
      <vt:lpstr>PTK Ponuka č. 1</vt:lpstr>
      <vt:lpstr>PTK Ponuka č. 2</vt:lpstr>
      <vt:lpstr>'PTK Ponuka'!Oblasť_tlače</vt:lpstr>
      <vt:lpstr>'PTK Ponuka č. 1'!Oblasť_tlače</vt:lpstr>
      <vt:lpstr>'PTK Ponuka č. 2'!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4-05-10T12:38:10Z</cp:lastPrinted>
  <dcterms:created xsi:type="dcterms:W3CDTF">2017-04-21T05:51:15Z</dcterms:created>
  <dcterms:modified xsi:type="dcterms:W3CDTF">2024-05-16T12:32:59Z</dcterms:modified>
</cp:coreProperties>
</file>